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98\02＿看護指導グループ\19 調査\05　看護職員実態調査（老健・特養）\H30 調査\結果\"/>
    </mc:Choice>
  </mc:AlternateContent>
  <bookViews>
    <workbookView xWindow="0" yWindow="0" windowWidth="20490" windowHeight="7470"/>
  </bookViews>
  <sheets>
    <sheet name="主な勤務体制 (グラフ）" sheetId="21" r:id="rId1"/>
    <sheet name="1.看護職員離職率（病床数別・職種別・二次医療圏別）" sheetId="22" r:id="rId2"/>
    <sheet name="２.平成29年度採用状況（病床数別・職種別）  " sheetId="23" r:id="rId3"/>
    <sheet name="２－（３）平成29年度採用者の未就業期間" sheetId="24" r:id="rId4"/>
    <sheet name="３.H30年度採用状況  " sheetId="33" r:id="rId5"/>
    <sheet name="４.新卒者に必要と考える項目" sheetId="9" r:id="rId6"/>
    <sheet name="５.退職理由" sheetId="25" r:id="rId7"/>
    <sheet name="6.職員確保の方法（老健） " sheetId="42" r:id="rId8"/>
    <sheet name="6-(3)ナースセンター (老健) " sheetId="39" r:id="rId9"/>
    <sheet name="6.職員確保の方法 (特養） " sheetId="43" r:id="rId10"/>
    <sheet name="6-(3)ナースセンター（特養） " sheetId="41" r:id="rId11"/>
  </sheets>
  <definedNames>
    <definedName name="_xlnm.Print_Area" localSheetId="4">'３.H30年度採用状況  '!$A$1:$M$39</definedName>
    <definedName name="_xlnm.Print_Area" localSheetId="8">'6-(3)ナースセンター (老健) '!$A$1:$E$21</definedName>
    <definedName name="_xlnm.Print_Area" localSheetId="10">'6-(3)ナースセンター（特養） '!$A$1:$E$19</definedName>
    <definedName name="_xlnm.Print_Area" localSheetId="0">'主な勤務体制 (グラフ）'!$A$1:$L$3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6" uniqueCount="223">
  <si>
    <t>二次医療圏</t>
    <rPh sb="0" eb="2">
      <t>ニジ</t>
    </rPh>
    <rPh sb="2" eb="4">
      <t>イリョウ</t>
    </rPh>
    <rPh sb="4" eb="5">
      <t>ケン</t>
    </rPh>
    <phoneticPr fontId="8"/>
  </si>
  <si>
    <t>入所定員数</t>
    <rPh sb="0" eb="2">
      <t>ニュウショ</t>
    </rPh>
    <rPh sb="2" eb="4">
      <t>テイイン</t>
    </rPh>
    <rPh sb="4" eb="5">
      <t>スウ</t>
    </rPh>
    <phoneticPr fontId="8"/>
  </si>
  <si>
    <t>合計</t>
    <rPh sb="0" eb="2">
      <t>ゴウケイ</t>
    </rPh>
    <phoneticPr fontId="8"/>
  </si>
  <si>
    <t>人数</t>
    <rPh sb="0" eb="2">
      <t>ニンズウ</t>
    </rPh>
    <phoneticPr fontId="8"/>
  </si>
  <si>
    <t>退職者の再雇用</t>
    <rPh sb="0" eb="3">
      <t>タイショクシャ</t>
    </rPh>
    <rPh sb="4" eb="7">
      <t>サイコヨウ</t>
    </rPh>
    <phoneticPr fontId="8"/>
  </si>
  <si>
    <t>教育担当者の育成</t>
    <rPh sb="0" eb="2">
      <t>キョウイク</t>
    </rPh>
    <rPh sb="2" eb="5">
      <t>タントウシャ</t>
    </rPh>
    <rPh sb="6" eb="8">
      <t>イクセイ</t>
    </rPh>
    <phoneticPr fontId="8"/>
  </si>
  <si>
    <t>教育するだけの人員的余裕</t>
    <rPh sb="0" eb="2">
      <t>キョウイク</t>
    </rPh>
    <rPh sb="7" eb="9">
      <t>ジンイン</t>
    </rPh>
    <rPh sb="9" eb="10">
      <t>テキ</t>
    </rPh>
    <rPh sb="10" eb="12">
      <t>ヨユウ</t>
    </rPh>
    <phoneticPr fontId="8"/>
  </si>
  <si>
    <t>利用を考えつかなかった</t>
    <rPh sb="0" eb="2">
      <t>リヨウ</t>
    </rPh>
    <rPh sb="3" eb="4">
      <t>カンガ</t>
    </rPh>
    <phoneticPr fontId="8"/>
  </si>
  <si>
    <t>登録しているが紹介がない</t>
    <rPh sb="0" eb="2">
      <t>トウロク</t>
    </rPh>
    <rPh sb="7" eb="9">
      <t>ショウカイ</t>
    </rPh>
    <phoneticPr fontId="8"/>
  </si>
  <si>
    <t>法人内人事異動</t>
    <rPh sb="0" eb="2">
      <t>ホウジン</t>
    </rPh>
    <rPh sb="2" eb="3">
      <t>ナイ</t>
    </rPh>
    <rPh sb="3" eb="5">
      <t>ジンジ</t>
    </rPh>
    <rPh sb="5" eb="7">
      <t>イドウ</t>
    </rPh>
    <phoneticPr fontId="8"/>
  </si>
  <si>
    <t>関連法人が募集採用</t>
    <rPh sb="0" eb="2">
      <t>カンレン</t>
    </rPh>
    <rPh sb="2" eb="4">
      <t>ホウジン</t>
    </rPh>
    <rPh sb="5" eb="7">
      <t>ボシュウ</t>
    </rPh>
    <rPh sb="7" eb="9">
      <t>サイヨウ</t>
    </rPh>
    <phoneticPr fontId="8"/>
  </si>
  <si>
    <t>自施設のホームページで採用</t>
    <rPh sb="0" eb="1">
      <t>ジ</t>
    </rPh>
    <rPh sb="1" eb="3">
      <t>シセツ</t>
    </rPh>
    <rPh sb="11" eb="13">
      <t>サイヨウ</t>
    </rPh>
    <phoneticPr fontId="8"/>
  </si>
  <si>
    <t>病院に劣らぬ報酬</t>
    <rPh sb="0" eb="2">
      <t>ビョウイン</t>
    </rPh>
    <rPh sb="3" eb="4">
      <t>オト</t>
    </rPh>
    <rPh sb="6" eb="8">
      <t>ホウシュウ</t>
    </rPh>
    <phoneticPr fontId="8"/>
  </si>
  <si>
    <t>新規開設職員就職説明会</t>
    <rPh sb="0" eb="2">
      <t>シンキ</t>
    </rPh>
    <rPh sb="2" eb="4">
      <t>カイセツ</t>
    </rPh>
    <rPh sb="4" eb="6">
      <t>ショクイン</t>
    </rPh>
    <rPh sb="6" eb="8">
      <t>シュウショク</t>
    </rPh>
    <rPh sb="8" eb="11">
      <t>セツメイカイ</t>
    </rPh>
    <phoneticPr fontId="8"/>
  </si>
  <si>
    <t>横須賀・三浦</t>
    <rPh sb="0" eb="3">
      <t>ヨコスカ</t>
    </rPh>
    <rPh sb="4" eb="6">
      <t>ミウラ</t>
    </rPh>
    <phoneticPr fontId="8"/>
  </si>
  <si>
    <t>横浜</t>
    <rPh sb="0" eb="2">
      <t>ヨコハマ</t>
    </rPh>
    <phoneticPr fontId="8"/>
  </si>
  <si>
    <t>川崎</t>
    <rPh sb="0" eb="2">
      <t>カワサキ</t>
    </rPh>
    <phoneticPr fontId="8"/>
  </si>
  <si>
    <t>相模原</t>
    <rPh sb="0" eb="3">
      <t>サガミハラ</t>
    </rPh>
    <phoneticPr fontId="8"/>
  </si>
  <si>
    <t>県央</t>
    <rPh sb="0" eb="2">
      <t>ケンオウ</t>
    </rPh>
    <phoneticPr fontId="8"/>
  </si>
  <si>
    <t>湘南東部</t>
    <rPh sb="0" eb="2">
      <t>ショウナン</t>
    </rPh>
    <rPh sb="2" eb="4">
      <t>トウブ</t>
    </rPh>
    <phoneticPr fontId="8"/>
  </si>
  <si>
    <t>湘南西部</t>
    <rPh sb="0" eb="2">
      <t>ショウナン</t>
    </rPh>
    <rPh sb="2" eb="4">
      <t>セイブ</t>
    </rPh>
    <phoneticPr fontId="8"/>
  </si>
  <si>
    <t>県西</t>
    <rPh sb="0" eb="2">
      <t>ケンセイ</t>
    </rPh>
    <phoneticPr fontId="8"/>
  </si>
  <si>
    <t>50～99</t>
  </si>
  <si>
    <t>合計</t>
  </si>
  <si>
    <t>Ⅱ　結果</t>
  </si>
  <si>
    <t>1.看護職員離職率</t>
    <rPh sb="2" eb="4">
      <t>カンゴ</t>
    </rPh>
    <rPh sb="4" eb="6">
      <t>ショクイン</t>
    </rPh>
    <rPh sb="6" eb="9">
      <t>リショクリツ</t>
    </rPh>
    <phoneticPr fontId="8"/>
  </si>
  <si>
    <t>（１）　病床数別離職率</t>
    <rPh sb="6" eb="7">
      <t>スウ</t>
    </rPh>
    <rPh sb="10" eb="11">
      <t>リツ</t>
    </rPh>
    <phoneticPr fontId="8"/>
  </si>
  <si>
    <t>※離職率（％）＝（H29.4.1～H30.3.31の退職者数）/（H29年度平均職員数）*100</t>
    <rPh sb="1" eb="4">
      <t>リショクリツ</t>
    </rPh>
    <rPh sb="26" eb="28">
      <t>タイショク</t>
    </rPh>
    <rPh sb="28" eb="29">
      <t>シャ</t>
    </rPh>
    <rPh sb="29" eb="30">
      <t>スウ</t>
    </rPh>
    <rPh sb="36" eb="38">
      <t>ネンド</t>
    </rPh>
    <rPh sb="38" eb="40">
      <t>ヘイキン</t>
    </rPh>
    <rPh sb="40" eb="43">
      <t>ショクインスウ</t>
    </rPh>
    <phoneticPr fontId="13"/>
  </si>
  <si>
    <t>全体</t>
    <rPh sb="0" eb="2">
      <t>ゼンタイ</t>
    </rPh>
    <phoneticPr fontId="8"/>
  </si>
  <si>
    <t>常勤</t>
    <rPh sb="0" eb="2">
      <t>ジョウキン</t>
    </rPh>
    <phoneticPr fontId="8"/>
  </si>
  <si>
    <t>非常勤</t>
    <rPh sb="0" eb="3">
      <t>ヒジョウキン</t>
    </rPh>
    <phoneticPr fontId="8"/>
  </si>
  <si>
    <t>H29.4.1   　　   総数　人　(a)</t>
    <rPh sb="15" eb="17">
      <t>ソウスウ</t>
    </rPh>
    <rPh sb="18" eb="19">
      <t>ニン</t>
    </rPh>
    <phoneticPr fontId="13"/>
  </si>
  <si>
    <t>H30.3.31総数　人（ｂ）</t>
    <rPh sb="8" eb="10">
      <t>ソウスウ</t>
    </rPh>
    <rPh sb="11" eb="12">
      <t>ニン</t>
    </rPh>
    <phoneticPr fontId="13"/>
  </si>
  <si>
    <t>平均職員数　人             (c)=（a+b）/2</t>
    <rPh sb="0" eb="2">
      <t>ヘイキン</t>
    </rPh>
    <rPh sb="2" eb="4">
      <t>ショクイン</t>
    </rPh>
    <rPh sb="4" eb="5">
      <t>スウ</t>
    </rPh>
    <rPh sb="6" eb="7">
      <t>ニン</t>
    </rPh>
    <phoneticPr fontId="13"/>
  </si>
  <si>
    <t>H29.4.1～H30.3.31の退職者数　人（ｄ）</t>
    <rPh sb="17" eb="20">
      <t>タイショクシャ</t>
    </rPh>
    <rPh sb="20" eb="21">
      <t>スウ</t>
    </rPh>
    <rPh sb="22" eb="23">
      <t>ニン</t>
    </rPh>
    <phoneticPr fontId="13"/>
  </si>
  <si>
    <t>離職率 (d/c)(%)</t>
  </si>
  <si>
    <t>離職率 (d/c)</t>
  </si>
  <si>
    <t>合　計</t>
  </si>
  <si>
    <t>（２）　職種別離職率</t>
    <rPh sb="4" eb="7">
      <t>ショクシュベツ</t>
    </rPh>
    <rPh sb="7" eb="10">
      <t>リショクリツ</t>
    </rPh>
    <phoneticPr fontId="8"/>
  </si>
  <si>
    <t>職種別</t>
    <rPh sb="0" eb="3">
      <t>ショクシュベツ</t>
    </rPh>
    <phoneticPr fontId="13"/>
  </si>
  <si>
    <t>保健師</t>
    <rPh sb="0" eb="2">
      <t>ホケン</t>
    </rPh>
    <rPh sb="2" eb="3">
      <t>シ</t>
    </rPh>
    <phoneticPr fontId="13"/>
  </si>
  <si>
    <t>助産師</t>
    <rPh sb="0" eb="3">
      <t>ジョサンシ</t>
    </rPh>
    <phoneticPr fontId="13"/>
  </si>
  <si>
    <t>看護師</t>
    <rPh sb="0" eb="3">
      <t>カンゴシ</t>
    </rPh>
    <phoneticPr fontId="13"/>
  </si>
  <si>
    <t>准看護師</t>
    <rPh sb="0" eb="1">
      <t>ジュン</t>
    </rPh>
    <rPh sb="1" eb="4">
      <t>カンゴシ</t>
    </rPh>
    <phoneticPr fontId="13"/>
  </si>
  <si>
    <t>（３）　二次医療圏別離職率</t>
    <rPh sb="4" eb="6">
      <t>ニジ</t>
    </rPh>
    <rPh sb="6" eb="8">
      <t>イリョウ</t>
    </rPh>
    <rPh sb="8" eb="9">
      <t>ケン</t>
    </rPh>
    <rPh sb="9" eb="10">
      <t>ベツ</t>
    </rPh>
    <rPh sb="10" eb="12">
      <t>リショク</t>
    </rPh>
    <rPh sb="12" eb="13">
      <t>リツ</t>
    </rPh>
    <phoneticPr fontId="8"/>
  </si>
  <si>
    <t>～49</t>
    <phoneticPr fontId="8"/>
  </si>
  <si>
    <t>100～149</t>
    <phoneticPr fontId="8"/>
  </si>
  <si>
    <t>150～199</t>
    <phoneticPr fontId="8"/>
  </si>
  <si>
    <t>200以上</t>
    <phoneticPr fontId="8"/>
  </si>
  <si>
    <t>老健</t>
    <rPh sb="0" eb="2">
      <t>ロウケン</t>
    </rPh>
    <phoneticPr fontId="8"/>
  </si>
  <si>
    <t>特養</t>
    <rPh sb="0" eb="2">
      <t>トクヨウ</t>
    </rPh>
    <phoneticPr fontId="8"/>
  </si>
  <si>
    <t>（１）　病床数別採用状況</t>
    <rPh sb="4" eb="7">
      <t>ビョウショウスウ</t>
    </rPh>
    <rPh sb="7" eb="8">
      <t>ベツ</t>
    </rPh>
    <rPh sb="8" eb="10">
      <t>サイヨウ</t>
    </rPh>
    <rPh sb="10" eb="12">
      <t>ジョウキョウ</t>
    </rPh>
    <phoneticPr fontId="13"/>
  </si>
  <si>
    <t>H29.4.1付け採用者数</t>
    <rPh sb="7" eb="8">
      <t>ヅ</t>
    </rPh>
    <rPh sb="9" eb="11">
      <t>サイヨウ</t>
    </rPh>
    <rPh sb="11" eb="12">
      <t>シャ</t>
    </rPh>
    <rPh sb="12" eb="13">
      <t>スウ</t>
    </rPh>
    <phoneticPr fontId="13"/>
  </si>
  <si>
    <t>H29.4.2～H30.3.31までの採用者数</t>
    <rPh sb="19" eb="21">
      <t>サイヨウ</t>
    </rPh>
    <rPh sb="21" eb="22">
      <t>シャ</t>
    </rPh>
    <rPh sb="22" eb="23">
      <t>スウ</t>
    </rPh>
    <phoneticPr fontId="13"/>
  </si>
  <si>
    <t>合計（H29.4.1～H30.3.31）</t>
    <rPh sb="0" eb="2">
      <t>ゴウケイ</t>
    </rPh>
    <phoneticPr fontId="13"/>
  </si>
  <si>
    <t>全体</t>
    <rPh sb="0" eb="2">
      <t>ゼンタイ</t>
    </rPh>
    <phoneticPr fontId="13"/>
  </si>
  <si>
    <t>常勤</t>
    <rPh sb="0" eb="2">
      <t>ジョウキン</t>
    </rPh>
    <phoneticPr fontId="13"/>
  </si>
  <si>
    <t>非常勤</t>
    <rPh sb="0" eb="3">
      <t>ヒジョウキン</t>
    </rPh>
    <phoneticPr fontId="13"/>
  </si>
  <si>
    <t>県内</t>
    <rPh sb="0" eb="2">
      <t>ケンナイ</t>
    </rPh>
    <phoneticPr fontId="13"/>
  </si>
  <si>
    <t>県外</t>
    <rPh sb="0" eb="1">
      <t>ケン</t>
    </rPh>
    <rPh sb="1" eb="2">
      <t>ガイ</t>
    </rPh>
    <phoneticPr fontId="13"/>
  </si>
  <si>
    <t>合計</t>
    <rPh sb="0" eb="2">
      <t>ゴウケイ</t>
    </rPh>
    <phoneticPr fontId="13"/>
  </si>
  <si>
    <t>合　計</t>
    <phoneticPr fontId="13"/>
  </si>
  <si>
    <t>（２）　職種別採用状況</t>
    <rPh sb="4" eb="7">
      <t>ショクシュベツ</t>
    </rPh>
    <rPh sb="7" eb="9">
      <t>サイヨウ</t>
    </rPh>
    <rPh sb="9" eb="11">
      <t>ジョウキョウ</t>
    </rPh>
    <phoneticPr fontId="13"/>
  </si>
  <si>
    <t>（採用必要数の記載があったところのみ計上）</t>
    <rPh sb="1" eb="3">
      <t>サイヨウ</t>
    </rPh>
    <rPh sb="3" eb="6">
      <t>ヒツヨウスウ</t>
    </rPh>
    <rPh sb="7" eb="9">
      <t>キサイ</t>
    </rPh>
    <rPh sb="18" eb="20">
      <t>ケイジョウ</t>
    </rPh>
    <phoneticPr fontId="13"/>
  </si>
  <si>
    <t>回答件数</t>
    <rPh sb="0" eb="2">
      <t>カイトウ</t>
    </rPh>
    <rPh sb="2" eb="4">
      <t>ケンスウ</t>
    </rPh>
    <phoneticPr fontId="8"/>
  </si>
  <si>
    <t>H30年度確保率(i/h)</t>
    <rPh sb="3" eb="5">
      <t>ネンド</t>
    </rPh>
    <rPh sb="5" eb="7">
      <t>カクホ</t>
    </rPh>
    <rPh sb="7" eb="8">
      <t>リツ</t>
    </rPh>
    <phoneticPr fontId="13"/>
  </si>
  <si>
    <t>50～99</t>
    <phoneticPr fontId="13"/>
  </si>
  <si>
    <t>1年未満</t>
    <rPh sb="1" eb="2">
      <t>ネン</t>
    </rPh>
    <rPh sb="2" eb="4">
      <t>ミマン</t>
    </rPh>
    <phoneticPr fontId="8"/>
  </si>
  <si>
    <t>5年以上</t>
    <rPh sb="1" eb="4">
      <t>ネンイジョウ</t>
    </rPh>
    <phoneticPr fontId="8"/>
  </si>
  <si>
    <t>1年以上　　　　　3年未満</t>
    <rPh sb="1" eb="2">
      <t>ネン</t>
    </rPh>
    <rPh sb="2" eb="4">
      <t>イジョウ</t>
    </rPh>
    <rPh sb="10" eb="11">
      <t>ネン</t>
    </rPh>
    <rPh sb="11" eb="13">
      <t>ミマン</t>
    </rPh>
    <phoneticPr fontId="8"/>
  </si>
  <si>
    <t>3年以上　　　　　5年未満</t>
    <rPh sb="1" eb="2">
      <t>ネン</t>
    </rPh>
    <rPh sb="2" eb="4">
      <t>イジョウ</t>
    </rPh>
    <rPh sb="10" eb="11">
      <t>ネン</t>
    </rPh>
    <rPh sb="11" eb="13">
      <t>ミマン</t>
    </rPh>
    <phoneticPr fontId="8"/>
  </si>
  <si>
    <t>割合（％）</t>
    <rPh sb="0" eb="2">
      <t>ワリアイ</t>
    </rPh>
    <phoneticPr fontId="8"/>
  </si>
  <si>
    <t>入所定員数</t>
    <rPh sb="0" eb="2">
      <t>ニュウショ</t>
    </rPh>
    <rPh sb="2" eb="4">
      <t>テイイン</t>
    </rPh>
    <rPh sb="4" eb="5">
      <t>スウ</t>
    </rPh>
    <phoneticPr fontId="13"/>
  </si>
  <si>
    <t>～49</t>
    <phoneticPr fontId="13"/>
  </si>
  <si>
    <t>100～149</t>
    <phoneticPr fontId="13"/>
  </si>
  <si>
    <t>150～199</t>
    <phoneticPr fontId="13"/>
  </si>
  <si>
    <t>回答数</t>
    <rPh sb="0" eb="3">
      <t>カイトウスウ</t>
    </rPh>
    <phoneticPr fontId="8"/>
  </si>
  <si>
    <t>1.教育プログラムの整備</t>
    <rPh sb="2" eb="4">
      <t>キョウイク</t>
    </rPh>
    <rPh sb="10" eb="12">
      <t>セイビ</t>
    </rPh>
    <phoneticPr fontId="8"/>
  </si>
  <si>
    <t>5.法人の理解</t>
    <rPh sb="2" eb="4">
      <t>ホウジン</t>
    </rPh>
    <rPh sb="5" eb="7">
      <t>リカイ</t>
    </rPh>
    <phoneticPr fontId="8"/>
  </si>
  <si>
    <t>7.他職種との連携・理解等</t>
    <rPh sb="2" eb="3">
      <t>タ</t>
    </rPh>
    <rPh sb="3" eb="5">
      <t>ショクシュ</t>
    </rPh>
    <rPh sb="7" eb="9">
      <t>レンケイ</t>
    </rPh>
    <rPh sb="10" eb="12">
      <t>リカイ</t>
    </rPh>
    <rPh sb="12" eb="13">
      <t>トウ</t>
    </rPh>
    <phoneticPr fontId="8"/>
  </si>
  <si>
    <t>8.その他</t>
    <rPh sb="4" eb="5">
      <t>タ</t>
    </rPh>
    <phoneticPr fontId="8"/>
  </si>
  <si>
    <t>※複数回答あり</t>
    <rPh sb="1" eb="3">
      <t>フクスウ</t>
    </rPh>
    <rPh sb="3" eb="5">
      <t>カイトウ</t>
    </rPh>
    <phoneticPr fontId="8"/>
  </si>
  <si>
    <t>無回答</t>
    <rPh sb="0" eb="3">
      <t>ムカイトウ</t>
    </rPh>
    <phoneticPr fontId="8"/>
  </si>
  <si>
    <t>回答　　施設数</t>
    <rPh sb="0" eb="2">
      <t>カイトウ</t>
    </rPh>
    <rPh sb="4" eb="7">
      <t>シセツスウ</t>
    </rPh>
    <phoneticPr fontId="8"/>
  </si>
  <si>
    <t>200以上</t>
    <rPh sb="3" eb="5">
      <t>イジョウ</t>
    </rPh>
    <phoneticPr fontId="13"/>
  </si>
  <si>
    <t>定年退職</t>
    <rPh sb="0" eb="2">
      <t>テイネン</t>
    </rPh>
    <rPh sb="2" eb="4">
      <t>タイショク</t>
    </rPh>
    <phoneticPr fontId="8"/>
  </si>
  <si>
    <t>体調不良</t>
    <rPh sb="0" eb="2">
      <t>タイチョウ</t>
    </rPh>
    <rPh sb="2" eb="4">
      <t>フリョウ</t>
    </rPh>
    <phoneticPr fontId="8"/>
  </si>
  <si>
    <t>介護</t>
    <rPh sb="0" eb="2">
      <t>カイゴ</t>
    </rPh>
    <phoneticPr fontId="8"/>
  </si>
  <si>
    <t>方　法</t>
    <rPh sb="0" eb="1">
      <t>カタ</t>
    </rPh>
    <rPh sb="2" eb="3">
      <t>ホウ</t>
    </rPh>
    <phoneticPr fontId="19"/>
  </si>
  <si>
    <t>割合（％）</t>
    <rPh sb="0" eb="2">
      <t>ワリアイ</t>
    </rPh>
    <phoneticPr fontId="19"/>
  </si>
  <si>
    <t>有料職業紹介</t>
    <rPh sb="0" eb="2">
      <t>ユウリョウ</t>
    </rPh>
    <rPh sb="2" eb="4">
      <t>ショクギョウ</t>
    </rPh>
    <rPh sb="4" eb="6">
      <t>ショウカイ</t>
    </rPh>
    <phoneticPr fontId="19"/>
  </si>
  <si>
    <t>無料職業紹介</t>
    <rPh sb="0" eb="2">
      <t>ムリョウ</t>
    </rPh>
    <rPh sb="2" eb="4">
      <t>ショクギョウ</t>
    </rPh>
    <rPh sb="4" eb="6">
      <t>ショウカイ</t>
    </rPh>
    <phoneticPr fontId="19"/>
  </si>
  <si>
    <t>採用していない</t>
    <rPh sb="0" eb="2">
      <t>サイヨウ</t>
    </rPh>
    <phoneticPr fontId="19"/>
  </si>
  <si>
    <t>無回答</t>
    <rPh sb="0" eb="3">
      <t>ムカイトウ</t>
    </rPh>
    <phoneticPr fontId="19"/>
  </si>
  <si>
    <t>自施設のホームページ</t>
    <rPh sb="0" eb="1">
      <t>ジ</t>
    </rPh>
    <rPh sb="1" eb="3">
      <t>シセツ</t>
    </rPh>
    <phoneticPr fontId="19"/>
  </si>
  <si>
    <t>求人広告・求人情報誌</t>
    <rPh sb="0" eb="2">
      <t>キュウジン</t>
    </rPh>
    <rPh sb="2" eb="4">
      <t>コウコク</t>
    </rPh>
    <rPh sb="5" eb="7">
      <t>キュウジン</t>
    </rPh>
    <rPh sb="7" eb="10">
      <t>ジョウホウシ</t>
    </rPh>
    <phoneticPr fontId="19"/>
  </si>
  <si>
    <t>職員の紹介</t>
    <rPh sb="0" eb="2">
      <t>ショクイン</t>
    </rPh>
    <rPh sb="3" eb="5">
      <t>ショウカイ</t>
    </rPh>
    <phoneticPr fontId="19"/>
  </si>
  <si>
    <t>地域の医療機関との連携・紹介</t>
    <rPh sb="0" eb="2">
      <t>チイキ</t>
    </rPh>
    <rPh sb="3" eb="5">
      <t>イリョウ</t>
    </rPh>
    <rPh sb="5" eb="7">
      <t>キカン</t>
    </rPh>
    <rPh sb="9" eb="11">
      <t>レンケイ</t>
    </rPh>
    <rPh sb="12" eb="14">
      <t>ショウカイ</t>
    </rPh>
    <phoneticPr fontId="19"/>
  </si>
  <si>
    <t>その他</t>
    <rPh sb="2" eb="3">
      <t>タ</t>
    </rPh>
    <phoneticPr fontId="19"/>
  </si>
  <si>
    <t>主な理由</t>
    <rPh sb="0" eb="1">
      <t>オモ</t>
    </rPh>
    <rPh sb="2" eb="4">
      <t>リユウ</t>
    </rPh>
    <phoneticPr fontId="8"/>
  </si>
  <si>
    <t>回答数</t>
    <rPh sb="0" eb="2">
      <t>カイトウ</t>
    </rPh>
    <phoneticPr fontId="8"/>
  </si>
  <si>
    <t>ナースセンターを知らない</t>
    <rPh sb="8" eb="9">
      <t>シ</t>
    </rPh>
    <phoneticPr fontId="8"/>
  </si>
  <si>
    <t>活用方法が分からない</t>
    <rPh sb="0" eb="2">
      <t>カツヨウ</t>
    </rPh>
    <rPh sb="2" eb="4">
      <t>ホウホウ</t>
    </rPh>
    <rPh sb="5" eb="6">
      <t>ワ</t>
    </rPh>
    <phoneticPr fontId="8"/>
  </si>
  <si>
    <t>登録手続きが複雑・時間がかかる</t>
    <rPh sb="0" eb="2">
      <t>トウロク</t>
    </rPh>
    <rPh sb="2" eb="4">
      <t>テツヅ</t>
    </rPh>
    <rPh sb="6" eb="8">
      <t>フクザツ</t>
    </rPh>
    <rPh sb="9" eb="11">
      <t>ジカン</t>
    </rPh>
    <phoneticPr fontId="8"/>
  </si>
  <si>
    <t>遠方で利用しにくい</t>
    <rPh sb="0" eb="2">
      <t>エンポウ</t>
    </rPh>
    <rPh sb="3" eb="5">
      <t>リヨウ</t>
    </rPh>
    <phoneticPr fontId="8"/>
  </si>
  <si>
    <t>以前活用したが採用に至らなかった</t>
    <rPh sb="0" eb="2">
      <t>イゼン</t>
    </rPh>
    <rPh sb="2" eb="4">
      <t>カツヨウ</t>
    </rPh>
    <rPh sb="7" eb="9">
      <t>サイヨウ</t>
    </rPh>
    <rPh sb="10" eb="11">
      <t>イタ</t>
    </rPh>
    <phoneticPr fontId="8"/>
  </si>
  <si>
    <t>求人を急いでいた</t>
    <rPh sb="0" eb="2">
      <t>キュウジン</t>
    </rPh>
    <rPh sb="3" eb="4">
      <t>イソ</t>
    </rPh>
    <phoneticPr fontId="8"/>
  </si>
  <si>
    <t>その他</t>
    <rPh sb="2" eb="3">
      <t>タ</t>
    </rPh>
    <phoneticPr fontId="8"/>
  </si>
  <si>
    <t>施設自らで採用</t>
    <rPh sb="0" eb="2">
      <t>シセツ</t>
    </rPh>
    <rPh sb="2" eb="3">
      <t>ミズカ</t>
    </rPh>
    <rPh sb="5" eb="7">
      <t>サイヨウ</t>
    </rPh>
    <phoneticPr fontId="19"/>
  </si>
  <si>
    <t>回答施設数</t>
    <rPh sb="0" eb="2">
      <t>カイトウ</t>
    </rPh>
    <rPh sb="2" eb="5">
      <t>シセツスウ</t>
    </rPh>
    <phoneticPr fontId="8"/>
  </si>
  <si>
    <t>-</t>
    <phoneticPr fontId="8"/>
  </si>
  <si>
    <t>老健（48施設）</t>
    <rPh sb="0" eb="2">
      <t>ロウケン</t>
    </rPh>
    <rPh sb="5" eb="7">
      <t>シセツ</t>
    </rPh>
    <phoneticPr fontId="8"/>
  </si>
  <si>
    <t>特養（84施設）</t>
    <rPh sb="0" eb="2">
      <t>トクヨウ</t>
    </rPh>
    <rPh sb="5" eb="7">
      <t>シセツ</t>
    </rPh>
    <phoneticPr fontId="8"/>
  </si>
  <si>
    <t>採用必要数（人）(h)</t>
    <rPh sb="0" eb="2">
      <t>サイヨウ</t>
    </rPh>
    <rPh sb="2" eb="5">
      <t>ヒツヨウスウ</t>
    </rPh>
    <rPh sb="6" eb="7">
      <t>ニン</t>
    </rPh>
    <phoneticPr fontId="13"/>
  </si>
  <si>
    <t>採用者数（人）(i)</t>
    <rPh sb="0" eb="3">
      <t>サイヨウシャ</t>
    </rPh>
    <rPh sb="3" eb="4">
      <t>スウ</t>
    </rPh>
    <rPh sb="5" eb="6">
      <t>ニン</t>
    </rPh>
    <phoneticPr fontId="13"/>
  </si>
  <si>
    <t>〔老健〕</t>
    <rPh sb="1" eb="3">
      <t>ロウケン</t>
    </rPh>
    <phoneticPr fontId="8"/>
  </si>
  <si>
    <t>〔特養〕</t>
    <rPh sb="1" eb="3">
      <t>トクヨウ</t>
    </rPh>
    <phoneticPr fontId="8"/>
  </si>
  <si>
    <t>主な勤務体制</t>
    <rPh sb="0" eb="1">
      <t>オモ</t>
    </rPh>
    <rPh sb="2" eb="4">
      <t>キンム</t>
    </rPh>
    <rPh sb="4" eb="6">
      <t>タイセイ</t>
    </rPh>
    <phoneticPr fontId="8"/>
  </si>
  <si>
    <t>夜間オンコール体制</t>
    <rPh sb="0" eb="2">
      <t>ヤカン</t>
    </rPh>
    <rPh sb="7" eb="9">
      <t>タイセイ</t>
    </rPh>
    <phoneticPr fontId="8"/>
  </si>
  <si>
    <t>割合</t>
    <rPh sb="0" eb="2">
      <t>ワリアイ</t>
    </rPh>
    <phoneticPr fontId="8"/>
  </si>
  <si>
    <t>３　．平成30年度採用状況</t>
    <rPh sb="3" eb="5">
      <t>ヘイセイ</t>
    </rPh>
    <rPh sb="7" eb="9">
      <t>ネンド</t>
    </rPh>
    <rPh sb="9" eb="11">
      <t>サイヨウ</t>
    </rPh>
    <rPh sb="11" eb="13">
      <t>ジョウキョウ</t>
    </rPh>
    <phoneticPr fontId="8"/>
  </si>
  <si>
    <t>５．退職理由</t>
    <rPh sb="2" eb="4">
      <t>タイショク</t>
    </rPh>
    <rPh sb="4" eb="6">
      <t>リユウ</t>
    </rPh>
    <phoneticPr fontId="8"/>
  </si>
  <si>
    <t>６．　職員確保の方法</t>
    <rPh sb="3" eb="5">
      <t>ショクイン</t>
    </rPh>
    <rPh sb="5" eb="7">
      <t>カクホ</t>
    </rPh>
    <rPh sb="8" eb="10">
      <t>ホウホウ</t>
    </rPh>
    <phoneticPr fontId="13"/>
  </si>
  <si>
    <t>２．平成２９年度採用状況</t>
    <rPh sb="2" eb="4">
      <t>ヘイセイ</t>
    </rPh>
    <rPh sb="6" eb="8">
      <t>ネンド</t>
    </rPh>
    <rPh sb="8" eb="10">
      <t>サイヨウ</t>
    </rPh>
    <rPh sb="10" eb="12">
      <t>ジョウキョウ</t>
    </rPh>
    <phoneticPr fontId="13"/>
  </si>
  <si>
    <t>回答　施設数</t>
    <rPh sb="0" eb="2">
      <t>カイトウ</t>
    </rPh>
    <rPh sb="3" eb="6">
      <t>シセツスウ</t>
    </rPh>
    <phoneticPr fontId="8"/>
  </si>
  <si>
    <t>100～149</t>
    <phoneticPr fontId="8"/>
  </si>
  <si>
    <t>～49</t>
    <phoneticPr fontId="8"/>
  </si>
  <si>
    <t>150～199</t>
    <phoneticPr fontId="8"/>
  </si>
  <si>
    <t>-</t>
    <phoneticPr fontId="8"/>
  </si>
  <si>
    <t>200以上</t>
    <phoneticPr fontId="8"/>
  </si>
  <si>
    <t>合　計</t>
    <phoneticPr fontId="13"/>
  </si>
  <si>
    <t>本人からの問い合わせ</t>
    <rPh sb="0" eb="2">
      <t>ホンニン</t>
    </rPh>
    <rPh sb="5" eb="6">
      <t>ト</t>
    </rPh>
    <rPh sb="7" eb="8">
      <t>ア</t>
    </rPh>
    <phoneticPr fontId="8"/>
  </si>
  <si>
    <t>ナースセンターを活用しなくても、採用に困らなかった</t>
    <rPh sb="8" eb="10">
      <t>カツヨウ</t>
    </rPh>
    <rPh sb="16" eb="18">
      <t>サイヨウ</t>
    </rPh>
    <rPh sb="19" eb="20">
      <t>コマ</t>
    </rPh>
    <phoneticPr fontId="8"/>
  </si>
  <si>
    <t>無料職業紹介所では採用できない</t>
    <rPh sb="0" eb="2">
      <t>ムリョウ</t>
    </rPh>
    <rPh sb="2" eb="4">
      <t>ショクギョウ</t>
    </rPh>
    <rPh sb="4" eb="6">
      <t>ショウカイ</t>
    </rPh>
    <rPh sb="6" eb="7">
      <t>ジョ</t>
    </rPh>
    <rPh sb="9" eb="11">
      <t>サイヨウ</t>
    </rPh>
    <phoneticPr fontId="8"/>
  </si>
  <si>
    <t>勤務エリアや条件の不一致等により、利用しにくい</t>
    <rPh sb="0" eb="2">
      <t>キンム</t>
    </rPh>
    <rPh sb="6" eb="8">
      <t>ジョウケン</t>
    </rPh>
    <rPh sb="9" eb="12">
      <t>フイッチ</t>
    </rPh>
    <rPh sb="12" eb="13">
      <t>ナド</t>
    </rPh>
    <rPh sb="17" eb="19">
      <t>リヨウ</t>
    </rPh>
    <phoneticPr fontId="8"/>
  </si>
  <si>
    <t>人材派遣による採用</t>
    <rPh sb="0" eb="2">
      <t>ジンザイ</t>
    </rPh>
    <rPh sb="2" eb="4">
      <t>ハケン</t>
    </rPh>
    <rPh sb="7" eb="9">
      <t>サイヨウ</t>
    </rPh>
    <phoneticPr fontId="8"/>
  </si>
  <si>
    <t>知人からの紹介</t>
    <rPh sb="0" eb="2">
      <t>チジン</t>
    </rPh>
    <rPh sb="5" eb="7">
      <t>ショウカイ</t>
    </rPh>
    <phoneticPr fontId="8"/>
  </si>
  <si>
    <t>活用の必要性がなかった</t>
    <rPh sb="0" eb="2">
      <t>カツヨウ</t>
    </rPh>
    <rPh sb="3" eb="6">
      <t>ヒツヨウセイ</t>
    </rPh>
    <phoneticPr fontId="8"/>
  </si>
  <si>
    <t>職員の紹介ですぐに決まった</t>
    <rPh sb="0" eb="2">
      <t>ショクイン</t>
    </rPh>
    <rPh sb="3" eb="5">
      <t>ショウカイ</t>
    </rPh>
    <rPh sb="9" eb="10">
      <t>キ</t>
    </rPh>
    <phoneticPr fontId="8"/>
  </si>
  <si>
    <t>採用する人材の評価・採用条件の決定の面で、職員による紹介がもっともやり易い</t>
    <rPh sb="0" eb="2">
      <t>サイヨウ</t>
    </rPh>
    <rPh sb="4" eb="6">
      <t>ジンザイ</t>
    </rPh>
    <rPh sb="7" eb="9">
      <t>ヒョウカ</t>
    </rPh>
    <rPh sb="10" eb="12">
      <t>サイヨウ</t>
    </rPh>
    <rPh sb="12" eb="14">
      <t>ジョウケン</t>
    </rPh>
    <rPh sb="15" eb="17">
      <t>ケッテイ</t>
    </rPh>
    <rPh sb="18" eb="19">
      <t>メン</t>
    </rPh>
    <rPh sb="21" eb="23">
      <t>ショクイン</t>
    </rPh>
    <rPh sb="26" eb="28">
      <t>ショウカイ</t>
    </rPh>
    <rPh sb="35" eb="36">
      <t>ヤス</t>
    </rPh>
    <phoneticPr fontId="8"/>
  </si>
  <si>
    <t>３交代</t>
    <rPh sb="1" eb="3">
      <t>コウタイ</t>
    </rPh>
    <phoneticPr fontId="8"/>
  </si>
  <si>
    <t>２交代</t>
    <rPh sb="1" eb="3">
      <t>コウタイ</t>
    </rPh>
    <phoneticPr fontId="8"/>
  </si>
  <si>
    <t>混合</t>
    <rPh sb="0" eb="2">
      <t>コンゴウ</t>
    </rPh>
    <phoneticPr fontId="8"/>
  </si>
  <si>
    <t>あり</t>
    <phoneticPr fontId="8"/>
  </si>
  <si>
    <t>なし</t>
    <phoneticPr fontId="8"/>
  </si>
  <si>
    <t>(1)  130</t>
    <phoneticPr fontId="8"/>
  </si>
  <si>
    <t>(1)  14</t>
    <phoneticPr fontId="8"/>
  </si>
  <si>
    <t>(1)  182</t>
    <phoneticPr fontId="8"/>
  </si>
  <si>
    <t>(1)  16</t>
    <phoneticPr fontId="8"/>
  </si>
  <si>
    <t>(1)  28</t>
    <phoneticPr fontId="8"/>
  </si>
  <si>
    <t>(1)  213</t>
    <phoneticPr fontId="8"/>
  </si>
  <si>
    <t>(1)  301</t>
    <phoneticPr fontId="8"/>
  </si>
  <si>
    <t>(1)  11</t>
    <phoneticPr fontId="8"/>
  </si>
  <si>
    <t>(1)  13</t>
    <phoneticPr fontId="8"/>
  </si>
  <si>
    <t>(1)  19</t>
    <phoneticPr fontId="8"/>
  </si>
  <si>
    <t>(1)  10</t>
    <phoneticPr fontId="8"/>
  </si>
  <si>
    <t>(1)  13</t>
    <phoneticPr fontId="8"/>
  </si>
  <si>
    <t>(1)  213</t>
    <phoneticPr fontId="8"/>
  </si>
  <si>
    <t>(1)  301</t>
    <phoneticPr fontId="8"/>
  </si>
  <si>
    <t>※（　）内は新卒新採用者　内数</t>
    <rPh sb="4" eb="5">
      <t>ナイ</t>
    </rPh>
    <rPh sb="6" eb="8">
      <t>シンソツ</t>
    </rPh>
    <rPh sb="8" eb="11">
      <t>シンサイヨウ</t>
    </rPh>
    <rPh sb="11" eb="12">
      <t>シャ</t>
    </rPh>
    <rPh sb="13" eb="15">
      <t>ウチスウ</t>
    </rPh>
    <phoneticPr fontId="8"/>
  </si>
  <si>
    <t>（３）　平成29年度 採用者の未就業期間</t>
    <rPh sb="4" eb="6">
      <t>ヘイセイ</t>
    </rPh>
    <rPh sb="8" eb="10">
      <t>ネンド</t>
    </rPh>
    <rPh sb="11" eb="13">
      <t>サイヨウ</t>
    </rPh>
    <rPh sb="13" eb="14">
      <t>シャ</t>
    </rPh>
    <rPh sb="15" eb="18">
      <t>ミシュウギョウ</t>
    </rPh>
    <rPh sb="18" eb="20">
      <t>キカン</t>
    </rPh>
    <phoneticPr fontId="8"/>
  </si>
  <si>
    <t>二次医療圏</t>
    <rPh sb="0" eb="2">
      <t>ニジ</t>
    </rPh>
    <rPh sb="2" eb="4">
      <t>イリョウ</t>
    </rPh>
    <rPh sb="4" eb="5">
      <t>ケン</t>
    </rPh>
    <phoneticPr fontId="13"/>
  </si>
  <si>
    <t>４．　新卒者を採用するにあたり必要と考える項目</t>
    <rPh sb="3" eb="5">
      <t>シンソツ</t>
    </rPh>
    <rPh sb="7" eb="9">
      <t>サイヨウ</t>
    </rPh>
    <rPh sb="15" eb="17">
      <t>ヒツヨウ</t>
    </rPh>
    <rPh sb="18" eb="19">
      <t>カンガ</t>
    </rPh>
    <rPh sb="21" eb="23">
      <t>コウモク</t>
    </rPh>
    <phoneticPr fontId="8"/>
  </si>
  <si>
    <t>介護保険制度に関する知識、理解度</t>
    <rPh sb="0" eb="2">
      <t>カイゴ</t>
    </rPh>
    <rPh sb="2" eb="4">
      <t>ホケン</t>
    </rPh>
    <rPh sb="4" eb="6">
      <t>セイド</t>
    </rPh>
    <rPh sb="7" eb="8">
      <t>カン</t>
    </rPh>
    <rPh sb="10" eb="12">
      <t>チシキ</t>
    </rPh>
    <rPh sb="13" eb="16">
      <t>リカイド</t>
    </rPh>
    <phoneticPr fontId="8"/>
  </si>
  <si>
    <t>病院経験必須</t>
    <rPh sb="0" eb="2">
      <t>ビョウイン</t>
    </rPh>
    <rPh sb="2" eb="4">
      <t>ケイケン</t>
    </rPh>
    <rPh sb="4" eb="6">
      <t>ヒッス</t>
    </rPh>
    <phoneticPr fontId="8"/>
  </si>
  <si>
    <t>新卒看護師の採用は考えていない</t>
    <rPh sb="0" eb="2">
      <t>シンソツ</t>
    </rPh>
    <rPh sb="2" eb="5">
      <t>カンゴシ</t>
    </rPh>
    <rPh sb="6" eb="8">
      <t>サイヨウ</t>
    </rPh>
    <rPh sb="9" eb="10">
      <t>カンガ</t>
    </rPh>
    <phoneticPr fontId="8"/>
  </si>
  <si>
    <t>医療機関と介護施設の違いの理解</t>
    <rPh sb="0" eb="2">
      <t>イリョウ</t>
    </rPh>
    <rPh sb="2" eb="4">
      <t>キカン</t>
    </rPh>
    <rPh sb="5" eb="7">
      <t>カイゴ</t>
    </rPh>
    <rPh sb="7" eb="9">
      <t>シセツ</t>
    </rPh>
    <rPh sb="10" eb="11">
      <t>チガ</t>
    </rPh>
    <rPh sb="13" eb="15">
      <t>リカイ</t>
    </rPh>
    <phoneticPr fontId="8"/>
  </si>
  <si>
    <t>病院経験が必要</t>
    <rPh sb="0" eb="2">
      <t>ビョウイン</t>
    </rPh>
    <rPh sb="2" eb="4">
      <t>ケイケン</t>
    </rPh>
    <rPh sb="5" eb="7">
      <t>ヒツヨウ</t>
    </rPh>
    <phoneticPr fontId="8"/>
  </si>
  <si>
    <t>指導体制の整備</t>
    <rPh sb="0" eb="2">
      <t>シドウ</t>
    </rPh>
    <rPh sb="2" eb="4">
      <t>タイセイ</t>
    </rPh>
    <rPh sb="5" eb="7">
      <t>セイビ</t>
    </rPh>
    <phoneticPr fontId="8"/>
  </si>
  <si>
    <t>6.スタッフの　　　　　理解</t>
    <rPh sb="12" eb="14">
      <t>リカイ</t>
    </rPh>
    <phoneticPr fontId="8"/>
  </si>
  <si>
    <t>4.教育に　　　　　　かける予算</t>
    <rPh sb="2" eb="4">
      <t>キョウイク</t>
    </rPh>
    <rPh sb="14" eb="16">
      <t>ヨサン</t>
    </rPh>
    <phoneticPr fontId="8"/>
  </si>
  <si>
    <t>3.教育機関　　　　　との連携</t>
    <rPh sb="2" eb="4">
      <t>キョウイク</t>
    </rPh>
    <rPh sb="4" eb="6">
      <t>キカン</t>
    </rPh>
    <rPh sb="13" eb="15">
      <t>レンケイ</t>
    </rPh>
    <phoneticPr fontId="8"/>
  </si>
  <si>
    <t>2.医療機関　　　　　　　との連携</t>
    <rPh sb="2" eb="4">
      <t>イリョウ</t>
    </rPh>
    <rPh sb="4" eb="6">
      <t>キカン</t>
    </rPh>
    <rPh sb="15" eb="17">
      <t>レンケイ</t>
    </rPh>
    <phoneticPr fontId="8"/>
  </si>
  <si>
    <t>老　　健</t>
    <rPh sb="0" eb="1">
      <t>ロウ</t>
    </rPh>
    <rPh sb="3" eb="4">
      <t>ケン</t>
    </rPh>
    <phoneticPr fontId="8"/>
  </si>
  <si>
    <t>特　　養</t>
    <rPh sb="0" eb="1">
      <t>トク</t>
    </rPh>
    <rPh sb="3" eb="4">
      <t>ヨウ</t>
    </rPh>
    <phoneticPr fontId="8"/>
  </si>
  <si>
    <t>出産　　　　　　　子育て</t>
    <rPh sb="0" eb="2">
      <t>シュッサン</t>
    </rPh>
    <rPh sb="9" eb="11">
      <t>コソダ</t>
    </rPh>
    <phoneticPr fontId="8"/>
  </si>
  <si>
    <t>次の就職先（県内）　　　　　　　　決まっている</t>
    <rPh sb="0" eb="1">
      <t>ツギ</t>
    </rPh>
    <rPh sb="2" eb="4">
      <t>シュウショク</t>
    </rPh>
    <rPh sb="4" eb="5">
      <t>サキ</t>
    </rPh>
    <rPh sb="6" eb="8">
      <t>ケンナイ</t>
    </rPh>
    <rPh sb="17" eb="18">
      <t>キ</t>
    </rPh>
    <phoneticPr fontId="8"/>
  </si>
  <si>
    <t>次の就職先（県外）　　　　　　　　　決まっている</t>
    <rPh sb="0" eb="1">
      <t>ツギ</t>
    </rPh>
    <rPh sb="2" eb="4">
      <t>シュウショク</t>
    </rPh>
    <rPh sb="4" eb="5">
      <t>サキ</t>
    </rPh>
    <rPh sb="6" eb="7">
      <t>ケン</t>
    </rPh>
    <rPh sb="7" eb="8">
      <t>ガイ</t>
    </rPh>
    <rPh sb="18" eb="19">
      <t>キ</t>
    </rPh>
    <phoneticPr fontId="8"/>
  </si>
  <si>
    <t>看護職以外　　　　　に転職</t>
    <rPh sb="0" eb="3">
      <t>カンゴショク</t>
    </rPh>
    <rPh sb="3" eb="5">
      <t>イガイ</t>
    </rPh>
    <rPh sb="11" eb="13">
      <t>テンショク</t>
    </rPh>
    <phoneticPr fontId="8"/>
  </si>
  <si>
    <t>その他　　　（不明を　　　　含む）</t>
    <rPh sb="2" eb="3">
      <t>タ</t>
    </rPh>
    <rPh sb="7" eb="9">
      <t>フメイ</t>
    </rPh>
    <rPh sb="14" eb="15">
      <t>フク</t>
    </rPh>
    <phoneticPr fontId="8"/>
  </si>
  <si>
    <t>-</t>
    <phoneticPr fontId="13"/>
  </si>
  <si>
    <t>-</t>
    <phoneticPr fontId="13"/>
  </si>
  <si>
    <t>(1)    6</t>
    <phoneticPr fontId="8"/>
  </si>
  <si>
    <t>(1)    6</t>
    <phoneticPr fontId="8"/>
  </si>
  <si>
    <t>(1)    6</t>
    <phoneticPr fontId="8"/>
  </si>
  <si>
    <t>(1)    5</t>
    <phoneticPr fontId="8"/>
  </si>
  <si>
    <t>(1)    64</t>
    <phoneticPr fontId="8"/>
  </si>
  <si>
    <t>(1)    89</t>
    <phoneticPr fontId="8"/>
  </si>
  <si>
    <t>N=366</t>
    <phoneticPr fontId="8"/>
  </si>
  <si>
    <t>割合=A/366（％）</t>
    <rPh sb="0" eb="2">
      <t>ワリアイ</t>
    </rPh>
    <phoneticPr fontId="8"/>
  </si>
  <si>
    <t>老健 (112施設)</t>
    <rPh sb="0" eb="2">
      <t>ロウケン</t>
    </rPh>
    <rPh sb="7" eb="9">
      <t>シセツ</t>
    </rPh>
    <phoneticPr fontId="8"/>
  </si>
  <si>
    <t>特養 （254施設）</t>
    <rPh sb="0" eb="2">
      <t>トクヨウ</t>
    </rPh>
    <rPh sb="7" eb="9">
      <t>シセツ</t>
    </rPh>
    <phoneticPr fontId="8"/>
  </si>
  <si>
    <t>合計(A) （366施設）</t>
    <rPh sb="0" eb="2">
      <t>ゴウケイ</t>
    </rPh>
    <rPh sb="10" eb="12">
      <t>シセツ</t>
    </rPh>
    <phoneticPr fontId="8"/>
  </si>
  <si>
    <t>割合（％）</t>
    <rPh sb="0" eb="2">
      <t>ワリアイ</t>
    </rPh>
    <phoneticPr fontId="8"/>
  </si>
  <si>
    <t>（112施設）</t>
    <rPh sb="4" eb="6">
      <t>シセツ</t>
    </rPh>
    <phoneticPr fontId="8"/>
  </si>
  <si>
    <t>（254施設）</t>
    <rPh sb="4" eb="6">
      <t>シセツ</t>
    </rPh>
    <phoneticPr fontId="8"/>
  </si>
  <si>
    <t>回答数</t>
    <rPh sb="0" eb="3">
      <t>カイトウスウ</t>
    </rPh>
    <phoneticPr fontId="8"/>
  </si>
  <si>
    <t>　その他の主な記述</t>
    <rPh sb="3" eb="4">
      <t>タ</t>
    </rPh>
    <rPh sb="5" eb="6">
      <t>オモ</t>
    </rPh>
    <rPh sb="7" eb="9">
      <t>キジュツ</t>
    </rPh>
    <phoneticPr fontId="8"/>
  </si>
  <si>
    <t>回答施設数</t>
    <rPh sb="0" eb="2">
      <t>カイトウ</t>
    </rPh>
    <rPh sb="2" eb="4">
      <t>シセツ</t>
    </rPh>
    <phoneticPr fontId="19"/>
  </si>
  <si>
    <t>　　その他の主な理由</t>
    <rPh sb="4" eb="5">
      <t>タ</t>
    </rPh>
    <rPh sb="6" eb="7">
      <t>オモ</t>
    </rPh>
    <rPh sb="8" eb="10">
      <t>リユウ</t>
    </rPh>
    <phoneticPr fontId="8"/>
  </si>
  <si>
    <t>N=13</t>
    <phoneticPr fontId="8"/>
  </si>
  <si>
    <r>
      <t>（３）　ナースセンターを活用しなかった理由</t>
    </r>
    <r>
      <rPr>
        <sz val="11"/>
        <color theme="1"/>
        <rFont val="ＭＳ Ｐゴシック"/>
        <family val="3"/>
        <charset val="128"/>
        <scheme val="minor"/>
      </rPr>
      <t>（複数回答あり）</t>
    </r>
    <rPh sb="12" eb="14">
      <t>カツヨウ</t>
    </rPh>
    <rPh sb="19" eb="21">
      <t>リユウ</t>
    </rPh>
    <rPh sb="22" eb="24">
      <t>フクスウ</t>
    </rPh>
    <rPh sb="24" eb="26">
      <t>カイトウ</t>
    </rPh>
    <phoneticPr fontId="8"/>
  </si>
  <si>
    <t>N=11</t>
    <phoneticPr fontId="8"/>
  </si>
  <si>
    <r>
      <t xml:space="preserve">（１）　採用方法別利用施設数及び採用人数     </t>
    </r>
    <r>
      <rPr>
        <sz val="11"/>
        <color theme="1"/>
        <rFont val="ＭＳ Ｐゴシック"/>
        <family val="3"/>
        <charset val="128"/>
        <scheme val="minor"/>
      </rPr>
      <t>（複数回答あり）</t>
    </r>
    <rPh sb="4" eb="6">
      <t>サイヨウ</t>
    </rPh>
    <rPh sb="6" eb="8">
      <t>ホウホウ</t>
    </rPh>
    <rPh sb="8" eb="9">
      <t>ベツ</t>
    </rPh>
    <rPh sb="9" eb="11">
      <t>リヨウ</t>
    </rPh>
    <rPh sb="11" eb="13">
      <t>シセツ</t>
    </rPh>
    <rPh sb="13" eb="14">
      <t>スウ</t>
    </rPh>
    <rPh sb="14" eb="15">
      <t>オヨ</t>
    </rPh>
    <rPh sb="16" eb="18">
      <t>サイヨウ</t>
    </rPh>
    <rPh sb="18" eb="20">
      <t>ニンズウ</t>
    </rPh>
    <rPh sb="26" eb="28">
      <t>フクスウ</t>
    </rPh>
    <rPh sb="28" eb="30">
      <t>カイトウ</t>
    </rPh>
    <phoneticPr fontId="19"/>
  </si>
  <si>
    <t>N=112</t>
    <phoneticPr fontId="8"/>
  </si>
  <si>
    <t>採用人数（人）</t>
    <rPh sb="0" eb="2">
      <t>サイヨウ</t>
    </rPh>
    <rPh sb="2" eb="4">
      <t>ニンズウ</t>
    </rPh>
    <rPh sb="5" eb="6">
      <t>ニン</t>
    </rPh>
    <phoneticPr fontId="8"/>
  </si>
  <si>
    <t xml:space="preserve">      ハローワーク</t>
    <phoneticPr fontId="8"/>
  </si>
  <si>
    <t xml:space="preserve">      ナースセンター</t>
    <phoneticPr fontId="8"/>
  </si>
  <si>
    <t>-</t>
    <phoneticPr fontId="8"/>
  </si>
  <si>
    <t>-</t>
    <phoneticPr fontId="8"/>
  </si>
  <si>
    <r>
      <t xml:space="preserve">（２）　施設自らで採用の内容  </t>
    </r>
    <r>
      <rPr>
        <sz val="11"/>
        <color theme="1"/>
        <rFont val="ＭＳ Ｐゴシック"/>
        <family val="3"/>
        <charset val="128"/>
        <scheme val="minor"/>
      </rPr>
      <t>（複数回答あり）</t>
    </r>
    <rPh sb="4" eb="6">
      <t>シセツ</t>
    </rPh>
    <rPh sb="6" eb="7">
      <t>ミズカ</t>
    </rPh>
    <rPh sb="9" eb="11">
      <t>サイヨウ</t>
    </rPh>
    <rPh sb="12" eb="14">
      <t>ナイヨウ</t>
    </rPh>
    <rPh sb="17" eb="19">
      <t>フクスウ</t>
    </rPh>
    <rPh sb="19" eb="21">
      <t>カイトウ</t>
    </rPh>
    <phoneticPr fontId="19"/>
  </si>
  <si>
    <t>N=</t>
    <phoneticPr fontId="8"/>
  </si>
  <si>
    <r>
      <t xml:space="preserve">　　その他の主な内容  </t>
    </r>
    <r>
      <rPr>
        <sz val="11"/>
        <rFont val="ＭＳ Ｐゴシック"/>
        <family val="3"/>
        <charset val="128"/>
      </rPr>
      <t>（複数回答あり）</t>
    </r>
    <rPh sb="4" eb="5">
      <t>タ</t>
    </rPh>
    <rPh sb="6" eb="7">
      <t>オモ</t>
    </rPh>
    <rPh sb="8" eb="10">
      <t>ナイヨウ</t>
    </rPh>
    <rPh sb="13" eb="15">
      <t>フクスウ</t>
    </rPh>
    <rPh sb="15" eb="17">
      <t>カイトウ</t>
    </rPh>
    <phoneticPr fontId="19"/>
  </si>
  <si>
    <t>N=13</t>
    <phoneticPr fontId="8"/>
  </si>
  <si>
    <r>
      <t>（１）　採用方法別利用数及び採用人数　　　</t>
    </r>
    <r>
      <rPr>
        <sz val="11"/>
        <color theme="1"/>
        <rFont val="ＭＳ Ｐゴシック"/>
        <family val="3"/>
        <charset val="128"/>
        <scheme val="minor"/>
      </rPr>
      <t>（複数回答あり）</t>
    </r>
    <rPh sb="4" eb="6">
      <t>サイヨウ</t>
    </rPh>
    <rPh sb="6" eb="8">
      <t>ホウホウ</t>
    </rPh>
    <rPh sb="8" eb="9">
      <t>ベツ</t>
    </rPh>
    <rPh sb="9" eb="11">
      <t>リヨウ</t>
    </rPh>
    <rPh sb="11" eb="12">
      <t>スウ</t>
    </rPh>
    <rPh sb="12" eb="13">
      <t>オヨ</t>
    </rPh>
    <rPh sb="14" eb="16">
      <t>サイヨウ</t>
    </rPh>
    <rPh sb="16" eb="18">
      <t>ニンズウ</t>
    </rPh>
    <rPh sb="22" eb="24">
      <t>フクスウ</t>
    </rPh>
    <rPh sb="24" eb="26">
      <t>カイトウ</t>
    </rPh>
    <phoneticPr fontId="19"/>
  </si>
  <si>
    <t>N=254</t>
    <phoneticPr fontId="8"/>
  </si>
  <si>
    <t xml:space="preserve">      ハローワーク</t>
    <phoneticPr fontId="8"/>
  </si>
  <si>
    <t xml:space="preserve">      ナースセンター</t>
    <phoneticPr fontId="8"/>
  </si>
  <si>
    <t>-</t>
    <phoneticPr fontId="8"/>
  </si>
  <si>
    <r>
      <t xml:space="preserve">（２）　施設自らで採用の内容　 </t>
    </r>
    <r>
      <rPr>
        <sz val="11"/>
        <color theme="1"/>
        <rFont val="ＭＳ Ｐゴシック"/>
        <family val="3"/>
        <charset val="128"/>
        <scheme val="minor"/>
      </rPr>
      <t>(複数回答あり）</t>
    </r>
    <rPh sb="4" eb="6">
      <t>シセツ</t>
    </rPh>
    <rPh sb="6" eb="7">
      <t>ミズカ</t>
    </rPh>
    <rPh sb="9" eb="11">
      <t>サイヨウ</t>
    </rPh>
    <rPh sb="12" eb="14">
      <t>ナイヨウ</t>
    </rPh>
    <rPh sb="17" eb="19">
      <t>フクスウ</t>
    </rPh>
    <rPh sb="19" eb="21">
      <t>カイトウ</t>
    </rPh>
    <phoneticPr fontId="19"/>
  </si>
  <si>
    <t>N=</t>
    <phoneticPr fontId="8"/>
  </si>
  <si>
    <r>
      <t xml:space="preserve">   その他の主な内容　　</t>
    </r>
    <r>
      <rPr>
        <sz val="11"/>
        <color theme="1"/>
        <rFont val="ＭＳ Ｐゴシック"/>
        <family val="3"/>
        <charset val="128"/>
        <scheme val="minor"/>
      </rPr>
      <t>（複数回答あり）</t>
    </r>
    <rPh sb="5" eb="6">
      <t>タ</t>
    </rPh>
    <rPh sb="7" eb="8">
      <t>オモ</t>
    </rPh>
    <rPh sb="9" eb="11">
      <t>ナイヨウ</t>
    </rPh>
    <rPh sb="14" eb="16">
      <t>フクスウ</t>
    </rPh>
    <rPh sb="16" eb="18">
      <t>カイトウ</t>
    </rPh>
    <phoneticPr fontId="19"/>
  </si>
  <si>
    <t>N=27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6" formatCode="&quot;¥&quot;#,##0;[Red]&quot;¥&quot;\-#,##0"/>
    <numFmt numFmtId="176" formatCode="#,##0.0;[Red]\-#,##0.0"/>
    <numFmt numFmtId="177" formatCode="0.0%"/>
  </numFmts>
  <fonts count="27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6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b/>
      <sz val="14"/>
      <name val="ＭＳ Ｐゴシック"/>
      <family val="3"/>
      <charset val="128"/>
      <scheme val="minor"/>
    </font>
    <font>
      <sz val="6"/>
      <name val="ＭＳ 明朝"/>
      <family val="2"/>
      <charset val="128"/>
    </font>
    <font>
      <sz val="12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name val="ＭＳ Ｐゴシック"/>
      <family val="3"/>
      <charset val="128"/>
    </font>
    <font>
      <b/>
      <sz val="14"/>
      <color theme="1"/>
      <name val="ＭＳ Ｐゴシック"/>
      <family val="3"/>
      <charset val="128"/>
      <scheme val="minor"/>
    </font>
    <font>
      <sz val="10"/>
      <color theme="1"/>
      <name val="ＭＳ 明朝"/>
      <family val="2"/>
      <charset val="128"/>
    </font>
    <font>
      <sz val="14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6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b/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3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3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medium">
        <color indexed="64"/>
      </right>
      <top/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ck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ck">
        <color indexed="64"/>
      </right>
      <top style="medium">
        <color indexed="64"/>
      </top>
      <bottom style="medium">
        <color indexed="64"/>
      </bottom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double">
        <color indexed="64"/>
      </bottom>
      <diagonal/>
    </border>
    <border>
      <left style="thick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thick">
        <color indexed="64"/>
      </right>
      <top style="medium">
        <color indexed="64"/>
      </top>
      <bottom style="double">
        <color indexed="64"/>
      </bottom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ck">
        <color indexed="64"/>
      </right>
      <top style="double">
        <color indexed="64"/>
      </top>
      <bottom style="thin">
        <color auto="1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thick">
        <color indexed="64"/>
      </right>
      <top/>
      <bottom style="thin">
        <color auto="1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ck">
        <color indexed="64"/>
      </right>
      <top style="thin">
        <color indexed="64"/>
      </top>
      <bottom style="double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double">
        <color indexed="64"/>
      </right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 style="double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double">
        <color indexed="64"/>
      </top>
      <bottom style="thick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double">
        <color indexed="64"/>
      </bottom>
      <diagonal/>
    </border>
    <border>
      <left style="thick">
        <color indexed="64"/>
      </left>
      <right/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 diagonalUp="1">
      <left/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thick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thick">
        <color indexed="64"/>
      </right>
      <top style="medium">
        <color indexed="64"/>
      </top>
      <bottom style="double">
        <color indexed="64"/>
      </bottom>
      <diagonal/>
    </border>
    <border>
      <left style="thick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ck">
        <color indexed="64"/>
      </right>
      <top style="thin">
        <color indexed="64"/>
      </top>
      <bottom style="double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 style="double">
        <color indexed="64"/>
      </left>
      <right style="thick">
        <color indexed="64"/>
      </right>
      <top style="thick">
        <color indexed="64"/>
      </top>
      <bottom style="thin">
        <color auto="1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ck">
        <color indexed="64"/>
      </bottom>
      <diagonal/>
    </border>
    <border>
      <left/>
      <right style="double">
        <color indexed="64"/>
      </right>
      <top style="double">
        <color indexed="64"/>
      </top>
      <bottom style="thick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double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medium">
        <color indexed="64"/>
      </bottom>
      <diagonal/>
    </border>
    <border>
      <left/>
      <right/>
      <top style="thick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double">
        <color indexed="64"/>
      </top>
      <bottom style="thick">
        <color indexed="64"/>
      </bottom>
      <diagonal/>
    </border>
    <border>
      <left/>
      <right style="medium">
        <color indexed="64"/>
      </right>
      <top style="double">
        <color indexed="64"/>
      </top>
      <bottom style="thick">
        <color indexed="64"/>
      </bottom>
      <diagonal/>
    </border>
    <border>
      <left/>
      <right style="thick">
        <color indexed="64"/>
      </right>
      <top style="double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 style="medium">
        <color indexed="64"/>
      </bottom>
      <diagonal/>
    </border>
    <border>
      <left/>
      <right style="thick">
        <color indexed="64"/>
      </right>
      <top style="thick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double">
        <color auto="1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thin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 style="thin">
        <color indexed="64"/>
      </top>
      <bottom/>
      <diagonal/>
    </border>
    <border diagonalUp="1">
      <left style="medium">
        <color indexed="64"/>
      </left>
      <right style="medium">
        <color indexed="64"/>
      </right>
      <top style="medium">
        <color indexed="64"/>
      </top>
      <bottom/>
      <diagonal style="thin">
        <color indexed="64"/>
      </diagonal>
    </border>
    <border diagonalUp="1">
      <left style="medium">
        <color indexed="64"/>
      </left>
      <right style="medium">
        <color indexed="64"/>
      </right>
      <top/>
      <bottom style="double">
        <color indexed="64"/>
      </bottom>
      <diagonal style="thin">
        <color indexed="64"/>
      </diagonal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/>
      <right style="thin">
        <color auto="1"/>
      </right>
      <top style="thin">
        <color indexed="64"/>
      </top>
      <bottom style="dotted">
        <color auto="1"/>
      </bottom>
      <diagonal/>
    </border>
  </borders>
  <cellStyleXfs count="18">
    <xf numFmtId="0" fontId="0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9" fontId="7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6" fontId="5" fillId="0" borderId="0" applyFont="0" applyFill="0" applyBorder="0" applyAlignment="0" applyProtection="0">
      <alignment vertical="center"/>
    </xf>
    <xf numFmtId="9" fontId="5" fillId="0" borderId="0" applyFont="0" applyFill="0" applyBorder="0" applyAlignment="0" applyProtection="0">
      <alignment vertical="center"/>
    </xf>
    <xf numFmtId="9" fontId="5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9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2" fillId="0" borderId="0" applyFont="0" applyFill="0" applyBorder="0" applyAlignment="0" applyProtection="0">
      <alignment vertical="center"/>
    </xf>
    <xf numFmtId="0" fontId="1" fillId="0" borderId="0">
      <alignment vertical="center"/>
    </xf>
    <xf numFmtId="9" fontId="1" fillId="0" borderId="0" applyFont="0" applyFill="0" applyBorder="0" applyAlignment="0" applyProtection="0">
      <alignment vertical="center"/>
    </xf>
  </cellStyleXfs>
  <cellXfs count="392">
    <xf numFmtId="0" fontId="0" fillId="0" borderId="0" xfId="0">
      <alignment vertical="center"/>
    </xf>
    <xf numFmtId="0" fontId="11" fillId="0" borderId="0" xfId="0" applyFont="1">
      <alignment vertical="center"/>
    </xf>
    <xf numFmtId="0" fontId="11" fillId="0" borderId="40" xfId="0" applyFont="1" applyBorder="1" applyAlignment="1">
      <alignment horizontal="center" vertical="center"/>
    </xf>
    <xf numFmtId="38" fontId="11" fillId="0" borderId="31" xfId="1" applyFont="1" applyBorder="1">
      <alignment vertical="center"/>
    </xf>
    <xf numFmtId="38" fontId="11" fillId="0" borderId="2" xfId="1" applyFont="1" applyBorder="1">
      <alignment vertical="center"/>
    </xf>
    <xf numFmtId="177" fontId="11" fillId="0" borderId="41" xfId="2" applyNumberFormat="1" applyFont="1" applyBorder="1">
      <alignment vertical="center"/>
    </xf>
    <xf numFmtId="0" fontId="11" fillId="0" borderId="42" xfId="0" applyFont="1" applyBorder="1" applyAlignment="1">
      <alignment horizontal="center" vertical="center"/>
    </xf>
    <xf numFmtId="38" fontId="11" fillId="0" borderId="23" xfId="1" applyFont="1" applyBorder="1">
      <alignment vertical="center"/>
    </xf>
    <xf numFmtId="38" fontId="11" fillId="0" borderId="6" xfId="1" applyFont="1" applyBorder="1">
      <alignment vertical="center"/>
    </xf>
    <xf numFmtId="0" fontId="11" fillId="0" borderId="43" xfId="0" applyFont="1" applyBorder="1" applyAlignment="1">
      <alignment horizontal="center" vertical="center"/>
    </xf>
    <xf numFmtId="38" fontId="11" fillId="0" borderId="39" xfId="1" applyFont="1" applyBorder="1">
      <alignment vertical="center"/>
    </xf>
    <xf numFmtId="38" fontId="11" fillId="0" borderId="29" xfId="1" applyFont="1" applyBorder="1">
      <alignment vertical="center"/>
    </xf>
    <xf numFmtId="177" fontId="11" fillId="0" borderId="26" xfId="2" applyNumberFormat="1" applyFont="1" applyBorder="1">
      <alignment vertical="center"/>
    </xf>
    <xf numFmtId="38" fontId="11" fillId="0" borderId="0" xfId="1" applyFont="1" applyBorder="1">
      <alignment vertical="center"/>
    </xf>
    <xf numFmtId="0" fontId="11" fillId="0" borderId="58" xfId="0" applyFont="1" applyBorder="1" applyAlignment="1">
      <alignment horizontal="center" vertical="center"/>
    </xf>
    <xf numFmtId="38" fontId="11" fillId="0" borderId="60" xfId="1" applyFont="1" applyBorder="1">
      <alignment vertical="center"/>
    </xf>
    <xf numFmtId="38" fontId="11" fillId="0" borderId="61" xfId="1" applyFont="1" applyBorder="1">
      <alignment vertical="center"/>
    </xf>
    <xf numFmtId="38" fontId="11" fillId="0" borderId="62" xfId="1" applyFont="1" applyBorder="1">
      <alignment vertical="center"/>
    </xf>
    <xf numFmtId="38" fontId="11" fillId="0" borderId="63" xfId="1" applyFont="1" applyBorder="1">
      <alignment vertical="center"/>
    </xf>
    <xf numFmtId="38" fontId="11" fillId="0" borderId="61" xfId="1" applyFont="1" applyBorder="1" applyAlignment="1">
      <alignment horizontal="right" vertical="center"/>
    </xf>
    <xf numFmtId="38" fontId="11" fillId="0" borderId="64" xfId="1" applyFont="1" applyBorder="1" applyAlignment="1">
      <alignment horizontal="right" vertical="center"/>
    </xf>
    <xf numFmtId="38" fontId="11" fillId="0" borderId="66" xfId="1" applyFont="1" applyBorder="1">
      <alignment vertical="center"/>
    </xf>
    <xf numFmtId="38" fontId="11" fillId="0" borderId="67" xfId="1" applyFont="1" applyBorder="1">
      <alignment vertical="center"/>
    </xf>
    <xf numFmtId="38" fontId="11" fillId="0" borderId="68" xfId="1" applyFont="1" applyBorder="1">
      <alignment vertical="center"/>
    </xf>
    <xf numFmtId="38" fontId="11" fillId="0" borderId="7" xfId="1" applyFont="1" applyBorder="1">
      <alignment vertical="center"/>
    </xf>
    <xf numFmtId="38" fontId="11" fillId="0" borderId="8" xfId="1" applyFont="1" applyBorder="1">
      <alignment vertical="center"/>
    </xf>
    <xf numFmtId="38" fontId="11" fillId="0" borderId="69" xfId="1" applyFont="1" applyBorder="1" applyAlignment="1">
      <alignment horizontal="right" vertical="center"/>
    </xf>
    <xf numFmtId="38" fontId="11" fillId="0" borderId="70" xfId="1" applyFont="1" applyBorder="1" applyAlignment="1">
      <alignment horizontal="right" vertical="center"/>
    </xf>
    <xf numFmtId="38" fontId="11" fillId="0" borderId="71" xfId="1" applyFont="1" applyBorder="1">
      <alignment vertical="center"/>
    </xf>
    <xf numFmtId="38" fontId="11" fillId="0" borderId="72" xfId="1" applyFont="1" applyBorder="1">
      <alignment vertical="center"/>
    </xf>
    <xf numFmtId="38" fontId="11" fillId="0" borderId="73" xfId="1" applyFont="1" applyBorder="1">
      <alignment vertical="center"/>
    </xf>
    <xf numFmtId="38" fontId="11" fillId="0" borderId="28" xfId="1" applyFont="1" applyBorder="1">
      <alignment vertical="center"/>
    </xf>
    <xf numFmtId="38" fontId="11" fillId="0" borderId="74" xfId="1" applyFont="1" applyBorder="1">
      <alignment vertical="center"/>
    </xf>
    <xf numFmtId="38" fontId="11" fillId="0" borderId="75" xfId="1" applyFont="1" applyBorder="1">
      <alignment vertical="center"/>
    </xf>
    <xf numFmtId="38" fontId="11" fillId="0" borderId="77" xfId="1" applyFont="1" applyBorder="1">
      <alignment vertical="center"/>
    </xf>
    <xf numFmtId="38" fontId="11" fillId="0" borderId="78" xfId="1" applyFont="1" applyBorder="1">
      <alignment vertical="center"/>
    </xf>
    <xf numFmtId="38" fontId="11" fillId="0" borderId="10" xfId="1" applyFont="1" applyBorder="1">
      <alignment vertical="center"/>
    </xf>
    <xf numFmtId="38" fontId="11" fillId="0" borderId="79" xfId="1" applyFont="1" applyBorder="1">
      <alignment vertical="center"/>
    </xf>
    <xf numFmtId="38" fontId="11" fillId="0" borderId="80" xfId="1" applyFont="1" applyBorder="1">
      <alignment vertical="center"/>
    </xf>
    <xf numFmtId="38" fontId="11" fillId="0" borderId="81" xfId="1" applyFont="1" applyBorder="1" applyAlignment="1">
      <alignment horizontal="right" vertical="center"/>
    </xf>
    <xf numFmtId="38" fontId="11" fillId="0" borderId="12" xfId="1" applyFont="1" applyBorder="1" applyAlignment="1">
      <alignment horizontal="right" vertical="center"/>
    </xf>
    <xf numFmtId="38" fontId="11" fillId="0" borderId="12" xfId="1" applyFont="1" applyBorder="1">
      <alignment vertical="center"/>
    </xf>
    <xf numFmtId="38" fontId="11" fillId="0" borderId="0" xfId="1" applyFont="1" applyBorder="1" applyAlignment="1">
      <alignment horizontal="right" vertical="center"/>
    </xf>
    <xf numFmtId="38" fontId="11" fillId="0" borderId="70" xfId="1" applyFont="1" applyBorder="1">
      <alignment vertical="center"/>
    </xf>
    <xf numFmtId="0" fontId="15" fillId="0" borderId="0" xfId="0" applyFont="1">
      <alignment vertical="center"/>
    </xf>
    <xf numFmtId="0" fontId="15" fillId="0" borderId="0" xfId="0" applyFont="1" applyBorder="1">
      <alignment vertical="center"/>
    </xf>
    <xf numFmtId="0" fontId="16" fillId="0" borderId="39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6" fillId="0" borderId="26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  <xf numFmtId="0" fontId="16" fillId="0" borderId="74" xfId="0" applyFont="1" applyBorder="1" applyAlignment="1">
      <alignment horizontal="center" vertical="center" wrapText="1"/>
    </xf>
    <xf numFmtId="0" fontId="15" fillId="0" borderId="40" xfId="0" applyFont="1" applyBorder="1" applyAlignment="1">
      <alignment horizontal="center" vertical="center"/>
    </xf>
    <xf numFmtId="0" fontId="11" fillId="0" borderId="40" xfId="0" applyFont="1" applyBorder="1">
      <alignment vertical="center"/>
    </xf>
    <xf numFmtId="38" fontId="11" fillId="0" borderId="1" xfId="1" applyFont="1" applyBorder="1">
      <alignment vertical="center"/>
    </xf>
    <xf numFmtId="177" fontId="11" fillId="0" borderId="3" xfId="2" applyNumberFormat="1" applyFont="1" applyBorder="1">
      <alignment vertical="center"/>
    </xf>
    <xf numFmtId="177" fontId="11" fillId="0" borderId="41" xfId="2" applyNumberFormat="1" applyFont="1" applyBorder="1" applyAlignment="1">
      <alignment horizontal="center" vertical="center"/>
    </xf>
    <xf numFmtId="0" fontId="15" fillId="0" borderId="42" xfId="0" applyFont="1" applyBorder="1" applyAlignment="1">
      <alignment horizontal="center" vertical="center"/>
    </xf>
    <xf numFmtId="0" fontId="15" fillId="0" borderId="43" xfId="0" applyFont="1" applyBorder="1" applyAlignment="1">
      <alignment horizontal="center" vertical="center"/>
    </xf>
    <xf numFmtId="0" fontId="11" fillId="0" borderId="43" xfId="0" applyFont="1" applyBorder="1">
      <alignment vertical="center"/>
    </xf>
    <xf numFmtId="177" fontId="11" fillId="0" borderId="74" xfId="2" applyNumberFormat="1" applyFont="1" applyBorder="1">
      <alignment vertical="center"/>
    </xf>
    <xf numFmtId="0" fontId="15" fillId="0" borderId="44" xfId="0" applyFont="1" applyBorder="1" applyAlignment="1">
      <alignment horizontal="center" vertical="center"/>
    </xf>
    <xf numFmtId="38" fontId="11" fillId="0" borderId="87" xfId="1" applyFont="1" applyBorder="1">
      <alignment vertical="center"/>
    </xf>
    <xf numFmtId="38" fontId="11" fillId="0" borderId="88" xfId="1" applyFont="1" applyBorder="1">
      <alignment vertical="center"/>
    </xf>
    <xf numFmtId="38" fontId="11" fillId="0" borderId="88" xfId="1" applyFont="1" applyBorder="1" applyAlignment="1">
      <alignment horizontal="right" vertical="center"/>
    </xf>
    <xf numFmtId="0" fontId="17" fillId="0" borderId="0" xfId="0" applyFont="1">
      <alignment vertical="center"/>
    </xf>
    <xf numFmtId="0" fontId="0" fillId="0" borderId="18" xfId="0" applyBorder="1">
      <alignment vertical="center"/>
    </xf>
    <xf numFmtId="0" fontId="10" fillId="0" borderId="0" xfId="0" applyFont="1">
      <alignment vertical="center"/>
    </xf>
    <xf numFmtId="0" fontId="11" fillId="0" borderId="116" xfId="0" applyFont="1" applyBorder="1" applyAlignment="1">
      <alignment horizontal="center" vertical="center"/>
    </xf>
    <xf numFmtId="0" fontId="11" fillId="0" borderId="104" xfId="0" applyFont="1" applyBorder="1">
      <alignment vertical="center"/>
    </xf>
    <xf numFmtId="0" fontId="20" fillId="0" borderId="0" xfId="0" applyFont="1">
      <alignment vertical="center"/>
    </xf>
    <xf numFmtId="38" fontId="11" fillId="0" borderId="110" xfId="1" applyFont="1" applyBorder="1">
      <alignment vertical="center"/>
    </xf>
    <xf numFmtId="38" fontId="11" fillId="0" borderId="104" xfId="1" applyFont="1" applyBorder="1">
      <alignment vertical="center"/>
    </xf>
    <xf numFmtId="177" fontId="11" fillId="0" borderId="102" xfId="2" applyNumberFormat="1" applyFont="1" applyBorder="1">
      <alignment vertical="center"/>
    </xf>
    <xf numFmtId="177" fontId="11" fillId="0" borderId="26" xfId="2" applyNumberFormat="1" applyFont="1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38" fontId="11" fillId="0" borderId="31" xfId="1" applyFont="1" applyFill="1" applyBorder="1">
      <alignment vertical="center"/>
    </xf>
    <xf numFmtId="38" fontId="11" fillId="0" borderId="23" xfId="1" applyFont="1" applyFill="1" applyBorder="1">
      <alignment vertical="center"/>
    </xf>
    <xf numFmtId="38" fontId="11" fillId="0" borderId="39" xfId="1" applyFont="1" applyFill="1" applyBorder="1">
      <alignment vertical="center"/>
    </xf>
    <xf numFmtId="38" fontId="11" fillId="0" borderId="110" xfId="1" applyFont="1" applyFill="1" applyBorder="1">
      <alignment vertical="center"/>
    </xf>
    <xf numFmtId="38" fontId="11" fillId="0" borderId="107" xfId="1" applyFont="1" applyBorder="1">
      <alignment vertical="center"/>
    </xf>
    <xf numFmtId="38" fontId="11" fillId="0" borderId="122" xfId="1" applyFont="1" applyBorder="1">
      <alignment vertical="center"/>
    </xf>
    <xf numFmtId="38" fontId="11" fillId="0" borderId="71" xfId="1" applyFont="1" applyBorder="1" applyAlignment="1">
      <alignment horizontal="right" vertical="center"/>
    </xf>
    <xf numFmtId="38" fontId="11" fillId="0" borderId="75" xfId="1" applyFont="1" applyBorder="1" applyAlignment="1">
      <alignment horizontal="right" vertical="center"/>
    </xf>
    <xf numFmtId="38" fontId="11" fillId="0" borderId="67" xfId="1" applyFont="1" applyBorder="1" applyAlignment="1">
      <alignment horizontal="right" vertical="center"/>
    </xf>
    <xf numFmtId="38" fontId="11" fillId="0" borderId="73" xfId="1" applyFont="1" applyBorder="1" applyAlignment="1">
      <alignment horizontal="right" vertical="center"/>
    </xf>
    <xf numFmtId="38" fontId="11" fillId="0" borderId="78" xfId="1" applyFont="1" applyBorder="1" applyAlignment="1">
      <alignment horizontal="right" vertical="center"/>
    </xf>
    <xf numFmtId="38" fontId="11" fillId="0" borderId="123" xfId="1" applyFont="1" applyBorder="1" applyAlignment="1">
      <alignment horizontal="right" vertical="center"/>
    </xf>
    <xf numFmtId="38" fontId="11" fillId="0" borderId="124" xfId="1" applyFont="1" applyBorder="1">
      <alignment vertical="center"/>
    </xf>
    <xf numFmtId="38" fontId="11" fillId="0" borderId="125" xfId="1" applyFont="1" applyBorder="1">
      <alignment vertical="center"/>
    </xf>
    <xf numFmtId="38" fontId="11" fillId="0" borderId="126" xfId="1" applyFont="1" applyBorder="1">
      <alignment vertical="center"/>
    </xf>
    <xf numFmtId="38" fontId="11" fillId="0" borderId="127" xfId="1" applyFont="1" applyBorder="1">
      <alignment vertical="center"/>
    </xf>
    <xf numFmtId="38" fontId="11" fillId="0" borderId="128" xfId="1" applyFont="1" applyBorder="1">
      <alignment vertical="center"/>
    </xf>
    <xf numFmtId="38" fontId="11" fillId="0" borderId="129" xfId="1" applyFont="1" applyBorder="1" applyAlignment="1">
      <alignment horizontal="right" vertical="center"/>
    </xf>
    <xf numFmtId="38" fontId="11" fillId="0" borderId="130" xfId="1" applyFont="1" applyBorder="1" applyAlignment="1">
      <alignment horizontal="right" vertical="center"/>
    </xf>
    <xf numFmtId="38" fontId="11" fillId="0" borderId="125" xfId="1" applyFont="1" applyBorder="1" applyAlignment="1">
      <alignment horizontal="right" vertical="center"/>
    </xf>
    <xf numFmtId="38" fontId="11" fillId="0" borderId="131" xfId="1" applyFont="1" applyBorder="1" applyAlignment="1">
      <alignment horizontal="right" vertical="center"/>
    </xf>
    <xf numFmtId="38" fontId="11" fillId="0" borderId="131" xfId="1" applyFont="1" applyBorder="1">
      <alignment vertical="center"/>
    </xf>
    <xf numFmtId="38" fontId="11" fillId="0" borderId="132" xfId="1" applyFont="1" applyBorder="1">
      <alignment vertical="center"/>
    </xf>
    <xf numFmtId="38" fontId="11" fillId="0" borderId="133" xfId="1" applyFont="1" applyBorder="1">
      <alignment vertical="center"/>
    </xf>
    <xf numFmtId="38" fontId="11" fillId="0" borderId="134" xfId="1" applyFont="1" applyBorder="1">
      <alignment vertical="center"/>
    </xf>
    <xf numFmtId="38" fontId="11" fillId="0" borderId="138" xfId="1" applyFont="1" applyBorder="1">
      <alignment vertical="center"/>
    </xf>
    <xf numFmtId="38" fontId="11" fillId="0" borderId="139" xfId="1" applyFont="1" applyBorder="1">
      <alignment vertical="center"/>
    </xf>
    <xf numFmtId="38" fontId="11" fillId="0" borderId="140" xfId="1" applyFont="1" applyBorder="1">
      <alignment vertical="center"/>
    </xf>
    <xf numFmtId="38" fontId="11" fillId="0" borderId="134" xfId="1" applyFont="1" applyBorder="1" applyAlignment="1">
      <alignment horizontal="right" vertical="center"/>
    </xf>
    <xf numFmtId="0" fontId="11" fillId="0" borderId="106" xfId="0" applyFont="1" applyBorder="1">
      <alignment vertical="center"/>
    </xf>
    <xf numFmtId="38" fontId="11" fillId="0" borderId="103" xfId="1" applyFont="1" applyBorder="1">
      <alignment vertical="center"/>
    </xf>
    <xf numFmtId="177" fontId="11" fillId="0" borderId="105" xfId="2" applyNumberFormat="1" applyFont="1" applyBorder="1">
      <alignment vertical="center"/>
    </xf>
    <xf numFmtId="0" fontId="0" fillId="0" borderId="97" xfId="0" applyBorder="1" applyAlignment="1">
      <alignment horizontal="center" vertical="center" wrapText="1"/>
    </xf>
    <xf numFmtId="0" fontId="0" fillId="0" borderId="31" xfId="0" applyBorder="1" applyAlignment="1">
      <alignment horizontal="center" vertical="center"/>
    </xf>
    <xf numFmtId="0" fontId="0" fillId="0" borderId="148" xfId="0" applyBorder="1">
      <alignment vertical="center"/>
    </xf>
    <xf numFmtId="0" fontId="0" fillId="0" borderId="2" xfId="0" applyBorder="1" applyAlignment="1">
      <alignment horizontal="right" vertical="center" wrapText="1"/>
    </xf>
    <xf numFmtId="0" fontId="0" fillId="0" borderId="15" xfId="0" applyBorder="1" applyAlignment="1">
      <alignment horizontal="right" vertical="center" wrapText="1"/>
    </xf>
    <xf numFmtId="177" fontId="0" fillId="0" borderId="15" xfId="2" applyNumberFormat="1" applyFont="1" applyBorder="1">
      <alignment vertical="center"/>
    </xf>
    <xf numFmtId="38" fontId="11" fillId="0" borderId="104" xfId="1" applyFont="1" applyFill="1" applyBorder="1">
      <alignment vertical="center"/>
    </xf>
    <xf numFmtId="0" fontId="9" fillId="0" borderId="0" xfId="0" applyFont="1">
      <alignment vertical="center"/>
    </xf>
    <xf numFmtId="0" fontId="22" fillId="0" borderId="0" xfId="0" applyFont="1">
      <alignment vertical="center"/>
    </xf>
    <xf numFmtId="0" fontId="9" fillId="0" borderId="1" xfId="0" applyFont="1" applyBorder="1">
      <alignment vertical="center"/>
    </xf>
    <xf numFmtId="0" fontId="24" fillId="0" borderId="0" xfId="0" applyFont="1">
      <alignment vertical="center"/>
    </xf>
    <xf numFmtId="177" fontId="11" fillId="0" borderId="41" xfId="2" applyNumberFormat="1" applyFont="1" applyBorder="1" applyAlignment="1">
      <alignment horizontal="right" vertical="center"/>
    </xf>
    <xf numFmtId="177" fontId="11" fillId="0" borderId="26" xfId="2" applyNumberFormat="1" applyFont="1" applyBorder="1" applyAlignment="1">
      <alignment horizontal="right" vertical="center"/>
    </xf>
    <xf numFmtId="177" fontId="11" fillId="0" borderId="102" xfId="2" applyNumberFormat="1" applyFont="1" applyBorder="1" applyAlignment="1">
      <alignment horizontal="right" vertical="center"/>
    </xf>
    <xf numFmtId="57" fontId="15" fillId="0" borderId="56" xfId="10" applyNumberFormat="1" applyFont="1" applyBorder="1" applyAlignment="1">
      <alignment horizontal="center" vertical="center" wrapText="1"/>
    </xf>
    <xf numFmtId="57" fontId="15" fillId="0" borderId="57" xfId="10" applyNumberFormat="1" applyFont="1" applyBorder="1" applyAlignment="1">
      <alignment horizontal="center" vertical="center" wrapText="1"/>
    </xf>
    <xf numFmtId="57" fontId="15" fillId="0" borderId="118" xfId="10" applyNumberFormat="1" applyFont="1" applyBorder="1" applyAlignment="1">
      <alignment horizontal="center" vertical="center" wrapText="1"/>
    </xf>
    <xf numFmtId="57" fontId="15" fillId="0" borderId="119" xfId="10" applyNumberFormat="1" applyFont="1" applyBorder="1" applyAlignment="1">
      <alignment horizontal="center" vertical="center" wrapText="1"/>
    </xf>
    <xf numFmtId="57" fontId="15" fillId="0" borderId="98" xfId="10" applyNumberFormat="1" applyFont="1" applyBorder="1" applyAlignment="1">
      <alignment horizontal="center" vertical="center" wrapText="1"/>
    </xf>
    <xf numFmtId="57" fontId="15" fillId="0" borderId="120" xfId="10" applyNumberFormat="1" applyFont="1" applyBorder="1" applyAlignment="1">
      <alignment horizontal="center" vertical="center" wrapText="1"/>
    </xf>
    <xf numFmtId="57" fontId="15" fillId="0" borderId="58" xfId="10" applyNumberFormat="1" applyFont="1" applyBorder="1" applyAlignment="1">
      <alignment horizontal="center" vertical="center" wrapText="1"/>
    </xf>
    <xf numFmtId="0" fontId="15" fillId="0" borderId="108" xfId="10" applyFont="1" applyBorder="1" applyAlignment="1">
      <alignment horizontal="center" vertical="center"/>
    </xf>
    <xf numFmtId="0" fontId="15" fillId="0" borderId="90" xfId="10" applyFont="1" applyBorder="1" applyAlignment="1">
      <alignment horizontal="center" vertical="center"/>
    </xf>
    <xf numFmtId="0" fontId="15" fillId="0" borderId="109" xfId="10" applyFont="1" applyBorder="1" applyAlignment="1">
      <alignment horizontal="center" vertical="center"/>
    </xf>
    <xf numFmtId="0" fontId="15" fillId="0" borderId="117" xfId="10" applyFont="1" applyBorder="1" applyAlignment="1">
      <alignment horizontal="center" vertical="center"/>
    </xf>
    <xf numFmtId="0" fontId="15" fillId="0" borderId="70" xfId="10" applyFont="1" applyBorder="1" applyAlignment="1">
      <alignment horizontal="center" vertical="center"/>
    </xf>
    <xf numFmtId="0" fontId="15" fillId="0" borderId="71" xfId="10" applyFont="1" applyBorder="1" applyAlignment="1">
      <alignment horizontal="center" vertical="center"/>
    </xf>
    <xf numFmtId="0" fontId="15" fillId="0" borderId="75" xfId="10" applyFont="1" applyBorder="1" applyAlignment="1">
      <alignment horizontal="center" vertical="center"/>
    </xf>
    <xf numFmtId="0" fontId="15" fillId="0" borderId="76" xfId="10" applyFont="1" applyBorder="1" applyAlignment="1">
      <alignment horizontal="center" vertical="center"/>
    </xf>
    <xf numFmtId="0" fontId="15" fillId="0" borderId="0" xfId="10" applyFont="1" applyBorder="1" applyAlignment="1">
      <alignment horizontal="center" vertical="center"/>
    </xf>
    <xf numFmtId="57" fontId="15" fillId="0" borderId="96" xfId="10" applyNumberFormat="1" applyFont="1" applyBorder="1" applyAlignment="1">
      <alignment horizontal="center" vertical="center" wrapText="1"/>
    </xf>
    <xf numFmtId="0" fontId="15" fillId="0" borderId="135" xfId="10" applyFont="1" applyBorder="1" applyAlignment="1">
      <alignment horizontal="center" vertical="center"/>
    </xf>
    <xf numFmtId="0" fontId="15" fillId="0" borderId="65" xfId="10" applyFont="1" applyBorder="1" applyAlignment="1">
      <alignment horizontal="center" vertical="center"/>
    </xf>
    <xf numFmtId="0" fontId="15" fillId="0" borderId="83" xfId="10" applyFont="1" applyBorder="1" applyAlignment="1">
      <alignment horizontal="center" vertical="center"/>
    </xf>
    <xf numFmtId="0" fontId="15" fillId="0" borderId="84" xfId="10" applyFont="1" applyBorder="1" applyAlignment="1">
      <alignment horizontal="center" vertical="center"/>
    </xf>
    <xf numFmtId="0" fontId="15" fillId="0" borderId="59" xfId="10" applyFont="1" applyBorder="1" applyAlignment="1">
      <alignment horizontal="center" vertical="center"/>
    </xf>
    <xf numFmtId="0" fontId="20" fillId="0" borderId="150" xfId="0" applyFont="1" applyBorder="1" applyAlignment="1">
      <alignment horizontal="center" vertical="center"/>
    </xf>
    <xf numFmtId="0" fontId="20" fillId="0" borderId="96" xfId="0" applyFont="1" applyBorder="1" applyAlignment="1">
      <alignment horizontal="center" vertical="center"/>
    </xf>
    <xf numFmtId="0" fontId="20" fillId="0" borderId="97" xfId="0" applyFont="1" applyBorder="1" applyAlignment="1">
      <alignment horizontal="center" vertical="center"/>
    </xf>
    <xf numFmtId="0" fontId="20" fillId="0" borderId="95" xfId="0" applyFont="1" applyBorder="1" applyAlignment="1">
      <alignment horizontal="center" vertical="center"/>
    </xf>
    <xf numFmtId="0" fontId="20" fillId="0" borderId="152" xfId="0" applyFont="1" applyBorder="1" applyAlignment="1">
      <alignment horizontal="center" vertical="center"/>
    </xf>
    <xf numFmtId="177" fontId="20" fillId="0" borderId="153" xfId="2" applyNumberFormat="1" applyFont="1" applyBorder="1">
      <alignment vertical="center"/>
    </xf>
    <xf numFmtId="177" fontId="20" fillId="0" borderId="154" xfId="2" applyNumberFormat="1" applyFont="1" applyBorder="1">
      <alignment vertical="center"/>
    </xf>
    <xf numFmtId="177" fontId="20" fillId="0" borderId="155" xfId="2" applyNumberFormat="1" applyFont="1" applyBorder="1">
      <alignment vertical="center"/>
    </xf>
    <xf numFmtId="0" fontId="20" fillId="0" borderId="151" xfId="0" applyFont="1" applyBorder="1" applyAlignment="1">
      <alignment horizontal="center" vertical="center"/>
    </xf>
    <xf numFmtId="177" fontId="20" fillId="0" borderId="16" xfId="2" applyNumberFormat="1" applyFont="1" applyBorder="1">
      <alignment vertical="center"/>
    </xf>
    <xf numFmtId="177" fontId="20" fillId="0" borderId="15" xfId="2" applyNumberFormat="1" applyFont="1" applyBorder="1">
      <alignment vertical="center"/>
    </xf>
    <xf numFmtId="177" fontId="20" fillId="0" borderId="149" xfId="2" applyNumberFormat="1" applyFont="1" applyBorder="1">
      <alignment vertical="center"/>
    </xf>
    <xf numFmtId="0" fontId="20" fillId="0" borderId="0" xfId="0" applyFont="1" applyBorder="1" applyAlignment="1">
      <alignment horizontal="center" vertical="center"/>
    </xf>
    <xf numFmtId="177" fontId="20" fillId="0" borderId="0" xfId="2" applyNumberFormat="1" applyFont="1" applyBorder="1">
      <alignment vertical="center"/>
    </xf>
    <xf numFmtId="38" fontId="11" fillId="0" borderId="66" xfId="1" applyFont="1" applyFill="1" applyBorder="1" applyAlignment="1">
      <alignment horizontal="right" vertical="center"/>
    </xf>
    <xf numFmtId="38" fontId="11" fillId="0" borderId="23" xfId="1" applyFont="1" applyFill="1" applyBorder="1" applyAlignment="1">
      <alignment horizontal="right" vertical="center"/>
    </xf>
    <xf numFmtId="38" fontId="11" fillId="0" borderId="107" xfId="1" applyFont="1" applyBorder="1" applyAlignment="1">
      <alignment horizontal="right" vertical="center"/>
    </xf>
    <xf numFmtId="38" fontId="11" fillId="0" borderId="77" xfId="1" applyFont="1" applyBorder="1" applyAlignment="1">
      <alignment horizontal="right" vertical="center"/>
    </xf>
    <xf numFmtId="38" fontId="11" fillId="0" borderId="10" xfId="1" applyFont="1" applyBorder="1" applyAlignment="1">
      <alignment horizontal="right" vertical="center"/>
    </xf>
    <xf numFmtId="38" fontId="11" fillId="0" borderId="80" xfId="1" applyFont="1" applyBorder="1" applyAlignment="1">
      <alignment horizontal="right" vertical="center"/>
    </xf>
    <xf numFmtId="38" fontId="11" fillId="0" borderId="138" xfId="1" applyFont="1" applyFill="1" applyBorder="1" applyAlignment="1">
      <alignment horizontal="right" vertical="center"/>
    </xf>
    <xf numFmtId="38" fontId="11" fillId="0" borderId="139" xfId="1" applyFont="1" applyBorder="1" applyAlignment="1">
      <alignment horizontal="right" vertical="center"/>
    </xf>
    <xf numFmtId="38" fontId="11" fillId="0" borderId="132" xfId="1" applyFont="1" applyBorder="1" applyAlignment="1">
      <alignment horizontal="right" vertical="center"/>
    </xf>
    <xf numFmtId="38" fontId="11" fillId="0" borderId="138" xfId="1" applyFont="1" applyBorder="1" applyAlignment="1">
      <alignment horizontal="right" vertical="center"/>
    </xf>
    <xf numFmtId="38" fontId="11" fillId="0" borderId="140" xfId="1" applyFont="1" applyBorder="1" applyAlignment="1">
      <alignment horizontal="right" vertical="center"/>
    </xf>
    <xf numFmtId="38" fontId="11" fillId="0" borderId="72" xfId="1" applyFont="1" applyFill="1" applyBorder="1" applyAlignment="1">
      <alignment horizontal="right" vertical="center"/>
    </xf>
    <xf numFmtId="38" fontId="11" fillId="0" borderId="39" xfId="1" applyFont="1" applyFill="1" applyBorder="1" applyAlignment="1">
      <alignment horizontal="right" vertical="center"/>
    </xf>
    <xf numFmtId="177" fontId="0" fillId="0" borderId="16" xfId="2" applyNumberFormat="1" applyFont="1" applyFill="1" applyBorder="1">
      <alignment vertical="center"/>
    </xf>
    <xf numFmtId="0" fontId="11" fillId="0" borderId="89" xfId="0" applyFont="1" applyBorder="1">
      <alignment vertical="center"/>
    </xf>
    <xf numFmtId="38" fontId="11" fillId="0" borderId="163" xfId="1" applyFont="1" applyBorder="1">
      <alignment vertical="center"/>
    </xf>
    <xf numFmtId="38" fontId="11" fillId="0" borderId="162" xfId="1" applyFont="1" applyBorder="1">
      <alignment vertical="center"/>
    </xf>
    <xf numFmtId="38" fontId="11" fillId="0" borderId="113" xfId="1" applyFont="1" applyBorder="1">
      <alignment vertical="center"/>
    </xf>
    <xf numFmtId="0" fontId="14" fillId="0" borderId="42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177" fontId="0" fillId="0" borderId="0" xfId="2" applyNumberFormat="1" applyFont="1" applyBorder="1">
      <alignment vertical="center"/>
    </xf>
    <xf numFmtId="0" fontId="9" fillId="0" borderId="3" xfId="0" applyFont="1" applyBorder="1">
      <alignment vertical="center"/>
    </xf>
    <xf numFmtId="0" fontId="9" fillId="0" borderId="108" xfId="0" applyFont="1" applyBorder="1">
      <alignment vertical="center"/>
    </xf>
    <xf numFmtId="177" fontId="11" fillId="0" borderId="161" xfId="2" applyNumberFormat="1" applyFont="1" applyBorder="1">
      <alignment vertical="center"/>
    </xf>
    <xf numFmtId="0" fontId="11" fillId="0" borderId="110" xfId="0" applyFont="1" applyBorder="1">
      <alignment vertical="center"/>
    </xf>
    <xf numFmtId="0" fontId="11" fillId="0" borderId="34" xfId="0" applyFont="1" applyBorder="1" applyAlignment="1">
      <alignment horizontal="center" vertical="center"/>
    </xf>
    <xf numFmtId="0" fontId="11" fillId="0" borderId="34" xfId="0" applyFont="1" applyBorder="1" applyAlignment="1">
      <alignment horizontal="center" vertical="center" wrapText="1"/>
    </xf>
    <xf numFmtId="0" fontId="11" fillId="0" borderId="44" xfId="0" applyFont="1" applyBorder="1" applyAlignment="1">
      <alignment horizontal="center" vertical="center"/>
    </xf>
    <xf numFmtId="0" fontId="20" fillId="0" borderId="6" xfId="0" applyFont="1" applyBorder="1" applyAlignment="1">
      <alignment horizontal="left" vertical="center"/>
    </xf>
    <xf numFmtId="0" fontId="11" fillId="0" borderId="0" xfId="0" applyFont="1" applyFill="1">
      <alignment vertical="center"/>
    </xf>
    <xf numFmtId="0" fontId="10" fillId="0" borderId="0" xfId="0" applyFont="1" applyFill="1" applyAlignment="1">
      <alignment horizontal="center" vertical="center"/>
    </xf>
    <xf numFmtId="0" fontId="12" fillId="0" borderId="0" xfId="0" applyFont="1" applyFill="1" applyAlignment="1">
      <alignment horizontal="left" vertical="center"/>
    </xf>
    <xf numFmtId="0" fontId="11" fillId="0" borderId="0" xfId="0" applyFont="1" applyFill="1" applyAlignment="1">
      <alignment horizontal="left" vertical="center"/>
    </xf>
    <xf numFmtId="0" fontId="14" fillId="0" borderId="39" xfId="0" applyFont="1" applyFill="1" applyBorder="1" applyAlignment="1">
      <alignment horizontal="center" vertical="center" wrapText="1"/>
    </xf>
    <xf numFmtId="0" fontId="14" fillId="0" borderId="29" xfId="0" applyFont="1" applyFill="1" applyBorder="1" applyAlignment="1">
      <alignment horizontal="center" vertical="center" wrapText="1"/>
    </xf>
    <xf numFmtId="0" fontId="14" fillId="0" borderId="26" xfId="0" applyFont="1" applyFill="1" applyBorder="1" applyAlignment="1">
      <alignment horizontal="center" vertical="center" wrapText="1"/>
    </xf>
    <xf numFmtId="0" fontId="11" fillId="0" borderId="40" xfId="0" applyFont="1" applyFill="1" applyBorder="1" applyAlignment="1">
      <alignment horizontal="center" vertical="center"/>
    </xf>
    <xf numFmtId="0" fontId="11" fillId="0" borderId="99" xfId="0" applyFont="1" applyFill="1" applyBorder="1" applyAlignment="1">
      <alignment horizontal="center" vertical="center"/>
    </xf>
    <xf numFmtId="38" fontId="11" fillId="0" borderId="2" xfId="1" applyFont="1" applyFill="1" applyBorder="1">
      <alignment vertical="center"/>
    </xf>
    <xf numFmtId="176" fontId="11" fillId="0" borderId="2" xfId="1" applyNumberFormat="1" applyFont="1" applyFill="1" applyBorder="1">
      <alignment vertical="center"/>
    </xf>
    <xf numFmtId="177" fontId="11" fillId="0" borderId="41" xfId="2" applyNumberFormat="1" applyFont="1" applyFill="1" applyBorder="1">
      <alignment vertical="center"/>
    </xf>
    <xf numFmtId="0" fontId="11" fillId="0" borderId="42" xfId="0" applyFont="1" applyFill="1" applyBorder="1" applyAlignment="1">
      <alignment horizontal="center" vertical="center"/>
    </xf>
    <xf numFmtId="0" fontId="11" fillId="0" borderId="100" xfId="0" applyFont="1" applyFill="1" applyBorder="1" applyAlignment="1">
      <alignment horizontal="center" vertical="center"/>
    </xf>
    <xf numFmtId="38" fontId="11" fillId="0" borderId="6" xfId="1" applyFont="1" applyFill="1" applyBorder="1">
      <alignment vertical="center"/>
    </xf>
    <xf numFmtId="0" fontId="11" fillId="0" borderId="43" xfId="0" applyFont="1" applyFill="1" applyBorder="1" applyAlignment="1">
      <alignment horizontal="center" vertical="center"/>
    </xf>
    <xf numFmtId="0" fontId="11" fillId="0" borderId="101" xfId="0" applyFont="1" applyFill="1" applyBorder="1" applyAlignment="1">
      <alignment horizontal="center" vertical="center"/>
    </xf>
    <xf numFmtId="38" fontId="11" fillId="0" borderId="29" xfId="1" applyFont="1" applyFill="1" applyBorder="1">
      <alignment vertical="center"/>
    </xf>
    <xf numFmtId="176" fontId="11" fillId="0" borderId="29" xfId="1" applyNumberFormat="1" applyFont="1" applyFill="1" applyBorder="1">
      <alignment vertical="center"/>
    </xf>
    <xf numFmtId="177" fontId="11" fillId="0" borderId="26" xfId="2" applyNumberFormat="1" applyFont="1" applyFill="1" applyBorder="1" applyAlignment="1">
      <alignment horizontal="center" vertical="center"/>
    </xf>
    <xf numFmtId="0" fontId="11" fillId="0" borderId="44" xfId="0" applyFont="1" applyFill="1" applyBorder="1" applyAlignment="1">
      <alignment horizontal="center" vertical="center"/>
    </xf>
    <xf numFmtId="0" fontId="11" fillId="0" borderId="33" xfId="0" applyFont="1" applyFill="1" applyBorder="1" applyAlignment="1">
      <alignment horizontal="center" vertical="center"/>
    </xf>
    <xf numFmtId="176" fontId="11" fillId="0" borderId="104" xfId="1" applyNumberFormat="1" applyFont="1" applyFill="1" applyBorder="1">
      <alignment vertical="center"/>
    </xf>
    <xf numFmtId="177" fontId="11" fillId="0" borderId="102" xfId="2" applyNumberFormat="1" applyFont="1" applyFill="1" applyBorder="1">
      <alignment vertical="center"/>
    </xf>
    <xf numFmtId="177" fontId="11" fillId="0" borderId="26" xfId="2" applyNumberFormat="1" applyFont="1" applyFill="1" applyBorder="1">
      <alignment vertical="center"/>
    </xf>
    <xf numFmtId="0" fontId="11" fillId="0" borderId="0" xfId="0" applyFont="1" applyFill="1" applyBorder="1" applyAlignment="1">
      <alignment horizontal="center" vertical="center"/>
    </xf>
    <xf numFmtId="38" fontId="11" fillId="0" borderId="0" xfId="1" applyFont="1" applyFill="1" applyBorder="1">
      <alignment vertical="center"/>
    </xf>
    <xf numFmtId="176" fontId="11" fillId="0" borderId="0" xfId="1" applyNumberFormat="1" applyFont="1" applyFill="1" applyBorder="1">
      <alignment vertical="center"/>
    </xf>
    <xf numFmtId="177" fontId="11" fillId="0" borderId="0" xfId="2" applyNumberFormat="1" applyFont="1" applyFill="1" applyBorder="1">
      <alignment vertical="center"/>
    </xf>
    <xf numFmtId="177" fontId="11" fillId="0" borderId="41" xfId="2" applyNumberFormat="1" applyFont="1" applyFill="1" applyBorder="1" applyAlignment="1">
      <alignment horizontal="center" vertical="center"/>
    </xf>
    <xf numFmtId="0" fontId="11" fillId="0" borderId="0" xfId="0" applyFont="1" applyFill="1" applyAlignment="1">
      <alignment vertical="center" wrapText="1"/>
    </xf>
    <xf numFmtId="0" fontId="0" fillId="0" borderId="0" xfId="0" applyFill="1">
      <alignment vertical="center"/>
    </xf>
    <xf numFmtId="0" fontId="11" fillId="0" borderId="0" xfId="0" applyFont="1" applyFill="1" applyAlignment="1">
      <alignment horizontal="center" vertical="center"/>
    </xf>
    <xf numFmtId="0" fontId="25" fillId="0" borderId="0" xfId="0" applyFont="1" applyFill="1">
      <alignment vertical="center"/>
    </xf>
    <xf numFmtId="0" fontId="0" fillId="0" borderId="19" xfId="0" applyFill="1" applyBorder="1" applyAlignment="1">
      <alignment horizontal="center" vertical="center"/>
    </xf>
    <xf numFmtId="0" fontId="0" fillId="0" borderId="94" xfId="0" applyFill="1" applyBorder="1" applyAlignment="1">
      <alignment vertical="center"/>
    </xf>
    <xf numFmtId="0" fontId="9" fillId="0" borderId="32" xfId="0" applyFont="1" applyFill="1" applyBorder="1" applyAlignment="1">
      <alignment horizontal="center" vertical="center"/>
    </xf>
    <xf numFmtId="0" fontId="9" fillId="0" borderId="17" xfId="0" applyFont="1" applyFill="1" applyBorder="1" applyAlignment="1">
      <alignment horizontal="center" vertical="center" wrapText="1"/>
    </xf>
    <xf numFmtId="0" fontId="9" fillId="0" borderId="145" xfId="0" applyFont="1" applyFill="1" applyBorder="1" applyAlignment="1">
      <alignment horizontal="center" vertical="center"/>
    </xf>
    <xf numFmtId="0" fontId="0" fillId="0" borderId="51" xfId="0" applyFill="1" applyBorder="1" applyAlignment="1">
      <alignment horizontal="center" vertical="center"/>
    </xf>
    <xf numFmtId="0" fontId="9" fillId="0" borderId="37" xfId="0" applyFont="1" applyFill="1" applyBorder="1" applyAlignment="1">
      <alignment horizontal="center" vertical="center"/>
    </xf>
    <xf numFmtId="0" fontId="0" fillId="0" borderId="21" xfId="0" applyFill="1" applyBorder="1">
      <alignment vertical="center"/>
    </xf>
    <xf numFmtId="0" fontId="0" fillId="0" borderId="18" xfId="0" applyFill="1" applyBorder="1">
      <alignment vertical="center"/>
    </xf>
    <xf numFmtId="0" fontId="0" fillId="0" borderId="146" xfId="0" applyFill="1" applyBorder="1">
      <alignment vertical="center"/>
    </xf>
    <xf numFmtId="0" fontId="0" fillId="0" borderId="37" xfId="0" applyFill="1" applyBorder="1">
      <alignment vertical="center"/>
    </xf>
    <xf numFmtId="0" fontId="9" fillId="0" borderId="143" xfId="0" applyFont="1" applyFill="1" applyBorder="1" applyAlignment="1">
      <alignment horizontal="center" vertical="center"/>
    </xf>
    <xf numFmtId="177" fontId="0" fillId="0" borderId="24" xfId="2" applyNumberFormat="1" applyFont="1" applyFill="1" applyBorder="1">
      <alignment vertical="center"/>
    </xf>
    <xf numFmtId="177" fontId="0" fillId="0" borderId="147" xfId="2" applyNumberFormat="1" applyFont="1" applyFill="1" applyBorder="1">
      <alignment vertical="center"/>
    </xf>
    <xf numFmtId="177" fontId="0" fillId="0" borderId="143" xfId="2" applyNumberFormat="1" applyFont="1" applyFill="1" applyBorder="1">
      <alignment vertical="center"/>
    </xf>
    <xf numFmtId="0" fontId="0" fillId="0" borderId="95" xfId="0" applyBorder="1" applyAlignment="1">
      <alignment horizontal="center" vertical="center"/>
    </xf>
    <xf numFmtId="0" fontId="0" fillId="0" borderId="41" xfId="0" applyBorder="1" applyAlignment="1">
      <alignment horizontal="right" vertical="center"/>
    </xf>
    <xf numFmtId="0" fontId="0" fillId="0" borderId="149" xfId="0" applyBorder="1" applyAlignment="1">
      <alignment horizontal="right" vertical="center"/>
    </xf>
    <xf numFmtId="177" fontId="0" fillId="0" borderId="149" xfId="2" applyNumberFormat="1" applyFont="1" applyBorder="1">
      <alignment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>
      <alignment vertical="center"/>
    </xf>
    <xf numFmtId="38" fontId="15" fillId="0" borderId="144" xfId="1" applyFont="1" applyBorder="1" applyAlignment="1">
      <alignment horizontal="center" vertical="center"/>
    </xf>
    <xf numFmtId="0" fontId="11" fillId="0" borderId="165" xfId="0" applyFont="1" applyBorder="1">
      <alignment vertical="center"/>
    </xf>
    <xf numFmtId="0" fontId="11" fillId="0" borderId="167" xfId="0" applyFont="1" applyBorder="1" applyAlignment="1">
      <alignment horizontal="center" vertical="center"/>
    </xf>
    <xf numFmtId="0" fontId="11" fillId="0" borderId="116" xfId="0" applyFont="1" applyBorder="1" applyAlignment="1">
      <alignment horizontal="center" vertical="center" wrapText="1"/>
    </xf>
    <xf numFmtId="0" fontId="11" fillId="0" borderId="168" xfId="0" applyFont="1" applyBorder="1" applyAlignment="1">
      <alignment horizontal="center" vertical="center" wrapText="1"/>
    </xf>
    <xf numFmtId="38" fontId="15" fillId="0" borderId="112" xfId="1" applyFont="1" applyBorder="1" applyAlignment="1">
      <alignment horizontal="center" vertical="center"/>
    </xf>
    <xf numFmtId="38" fontId="15" fillId="0" borderId="25" xfId="1" applyFont="1" applyBorder="1" applyAlignment="1">
      <alignment vertical="center"/>
    </xf>
    <xf numFmtId="38" fontId="15" fillId="0" borderId="36" xfId="1" applyFont="1" applyBorder="1" applyAlignment="1">
      <alignment vertical="center"/>
    </xf>
    <xf numFmtId="38" fontId="15" fillId="0" borderId="112" xfId="1" applyFont="1" applyBorder="1" applyAlignment="1">
      <alignment vertical="center"/>
    </xf>
    <xf numFmtId="38" fontId="15" fillId="0" borderId="34" xfId="1" applyFont="1" applyBorder="1" applyAlignment="1">
      <alignment horizontal="center" vertical="center"/>
    </xf>
    <xf numFmtId="38" fontId="15" fillId="0" borderId="167" xfId="1" applyFont="1" applyBorder="1" applyAlignment="1">
      <alignment vertical="center"/>
    </xf>
    <xf numFmtId="38" fontId="15" fillId="0" borderId="111" xfId="1" applyFont="1" applyBorder="1" applyAlignment="1">
      <alignment vertical="center"/>
    </xf>
    <xf numFmtId="38" fontId="15" fillId="0" borderId="34" xfId="1" applyFont="1" applyBorder="1" applyAlignment="1">
      <alignment vertical="center"/>
    </xf>
    <xf numFmtId="177" fontId="15" fillId="0" borderId="16" xfId="2" applyNumberFormat="1" applyFont="1" applyBorder="1" applyAlignment="1">
      <alignment vertical="center"/>
    </xf>
    <xf numFmtId="38" fontId="15" fillId="0" borderId="21" xfId="1" applyFont="1" applyBorder="1" applyAlignment="1">
      <alignment vertical="center"/>
    </xf>
    <xf numFmtId="177" fontId="15" fillId="0" borderId="24" xfId="2" applyNumberFormat="1" applyFont="1" applyBorder="1" applyAlignment="1">
      <alignment vertical="center"/>
    </xf>
    <xf numFmtId="177" fontId="15" fillId="0" borderId="169" xfId="2" applyNumberFormat="1" applyFont="1" applyBorder="1" applyAlignment="1">
      <alignment vertical="center"/>
    </xf>
    <xf numFmtId="177" fontId="15" fillId="0" borderId="144" xfId="2" applyNumberFormat="1" applyFont="1" applyBorder="1" applyAlignment="1">
      <alignment vertical="center"/>
    </xf>
    <xf numFmtId="0" fontId="18" fillId="0" borderId="0" xfId="14" applyFont="1">
      <alignment vertical="center"/>
    </xf>
    <xf numFmtId="0" fontId="15" fillId="0" borderId="0" xfId="14" applyFont="1">
      <alignment vertical="center"/>
    </xf>
    <xf numFmtId="0" fontId="15" fillId="0" borderId="0" xfId="14" applyFont="1" applyAlignment="1">
      <alignment horizontal="center" vertical="center"/>
    </xf>
    <xf numFmtId="0" fontId="15" fillId="0" borderId="6" xfId="14" applyFont="1" applyBorder="1" applyAlignment="1">
      <alignment horizontal="center" vertical="center"/>
    </xf>
    <xf numFmtId="0" fontId="15" fillId="0" borderId="6" xfId="14" applyFont="1" applyBorder="1">
      <alignment vertical="center"/>
    </xf>
    <xf numFmtId="0" fontId="15" fillId="0" borderId="0" xfId="14" applyFont="1" applyAlignment="1">
      <alignment vertical="center"/>
    </xf>
    <xf numFmtId="0" fontId="21" fillId="0" borderId="0" xfId="14" applyFont="1">
      <alignment vertical="center"/>
    </xf>
    <xf numFmtId="0" fontId="21" fillId="0" borderId="0" xfId="14" applyFont="1" applyAlignment="1">
      <alignment horizontal="center" vertical="center"/>
    </xf>
    <xf numFmtId="0" fontId="18" fillId="0" borderId="0" xfId="16" applyFont="1">
      <alignment vertical="center"/>
    </xf>
    <xf numFmtId="0" fontId="15" fillId="0" borderId="0" xfId="16" applyFont="1">
      <alignment vertical="center"/>
    </xf>
    <xf numFmtId="0" fontId="23" fillId="0" borderId="0" xfId="16" applyFont="1">
      <alignment vertical="center"/>
    </xf>
    <xf numFmtId="0" fontId="15" fillId="0" borderId="0" xfId="16" applyFont="1" applyAlignment="1">
      <alignment horizontal="center" vertical="center"/>
    </xf>
    <xf numFmtId="0" fontId="15" fillId="0" borderId="6" xfId="16" applyFont="1" applyBorder="1" applyAlignment="1">
      <alignment horizontal="center" vertical="center"/>
    </xf>
    <xf numFmtId="0" fontId="16" fillId="0" borderId="6" xfId="16" applyFont="1" applyBorder="1" applyAlignment="1">
      <alignment horizontal="center" vertical="center"/>
    </xf>
    <xf numFmtId="0" fontId="15" fillId="0" borderId="6" xfId="16" applyFont="1" applyBorder="1">
      <alignment vertical="center"/>
    </xf>
    <xf numFmtId="177" fontId="11" fillId="0" borderId="6" xfId="17" applyNumberFormat="1" applyFont="1" applyBorder="1">
      <alignment vertical="center"/>
    </xf>
    <xf numFmtId="0" fontId="15" fillId="0" borderId="162" xfId="16" applyFont="1" applyBorder="1">
      <alignment vertical="center"/>
    </xf>
    <xf numFmtId="0" fontId="15" fillId="0" borderId="170" xfId="16" applyFont="1" applyBorder="1">
      <alignment vertical="center"/>
    </xf>
    <xf numFmtId="177" fontId="11" fillId="0" borderId="4" xfId="17" applyNumberFormat="1" applyFont="1" applyBorder="1">
      <alignment vertical="center"/>
    </xf>
    <xf numFmtId="0" fontId="15" fillId="0" borderId="2" xfId="16" applyFont="1" applyBorder="1">
      <alignment vertical="center"/>
    </xf>
    <xf numFmtId="177" fontId="11" fillId="0" borderId="3" xfId="17" applyNumberFormat="1" applyFont="1" applyBorder="1">
      <alignment vertical="center"/>
    </xf>
    <xf numFmtId="0" fontId="15" fillId="0" borderId="0" xfId="16" applyFont="1" applyAlignment="1">
      <alignment horizontal="right" vertical="center"/>
    </xf>
    <xf numFmtId="0" fontId="15" fillId="0" borderId="0" xfId="16" applyFont="1" applyAlignment="1">
      <alignment horizontal="left" vertical="center"/>
    </xf>
    <xf numFmtId="0" fontId="15" fillId="0" borderId="6" xfId="16" applyFont="1" applyBorder="1" applyAlignment="1">
      <alignment vertical="center"/>
    </xf>
    <xf numFmtId="0" fontId="15" fillId="0" borderId="0" xfId="16" applyFont="1" applyAlignment="1">
      <alignment vertical="center"/>
    </xf>
    <xf numFmtId="177" fontId="11" fillId="0" borderId="162" xfId="17" applyNumberFormat="1" applyFont="1" applyBorder="1">
      <alignment vertical="center"/>
    </xf>
    <xf numFmtId="177" fontId="11" fillId="0" borderId="0" xfId="17" applyNumberFormat="1" applyFont="1" applyBorder="1">
      <alignment vertical="center"/>
    </xf>
    <xf numFmtId="177" fontId="11" fillId="0" borderId="108" xfId="17" applyNumberFormat="1" applyFont="1" applyBorder="1">
      <alignment vertical="center"/>
    </xf>
    <xf numFmtId="177" fontId="11" fillId="0" borderId="2" xfId="17" applyNumberFormat="1" applyFont="1" applyBorder="1">
      <alignment vertical="center"/>
    </xf>
    <xf numFmtId="0" fontId="15" fillId="0" borderId="6" xfId="16" applyFont="1" applyBorder="1" applyAlignment="1">
      <alignment horizontal="left" vertical="center"/>
    </xf>
    <xf numFmtId="0" fontId="15" fillId="0" borderId="171" xfId="16" applyFont="1" applyBorder="1">
      <alignment vertical="center"/>
    </xf>
    <xf numFmtId="177" fontId="11" fillId="0" borderId="171" xfId="17" applyNumberFormat="1" applyFont="1" applyBorder="1">
      <alignment vertical="center"/>
    </xf>
    <xf numFmtId="177" fontId="11" fillId="0" borderId="172" xfId="17" applyNumberFormat="1" applyFont="1" applyBorder="1">
      <alignment vertical="center"/>
    </xf>
    <xf numFmtId="0" fontId="11" fillId="0" borderId="19" xfId="0" applyFont="1" applyFill="1" applyBorder="1" applyAlignment="1">
      <alignment horizontal="center" vertical="center"/>
    </xf>
    <xf numFmtId="0" fontId="11" fillId="0" borderId="34" xfId="0" applyFont="1" applyFill="1" applyBorder="1" applyAlignment="1">
      <alignment horizontal="center" vertical="center"/>
    </xf>
    <xf numFmtId="0" fontId="11" fillId="0" borderId="38" xfId="0" applyFont="1" applyFill="1" applyBorder="1" applyAlignment="1">
      <alignment horizontal="center" vertical="center"/>
    </xf>
    <xf numFmtId="0" fontId="11" fillId="0" borderId="34" xfId="0" applyFont="1" applyFill="1" applyBorder="1" applyAlignment="1">
      <alignment horizontal="center" vertical="center" wrapText="1"/>
    </xf>
    <xf numFmtId="0" fontId="11" fillId="0" borderId="38" xfId="0" applyFont="1" applyFill="1" applyBorder="1" applyAlignment="1">
      <alignment horizontal="center" vertical="center" wrapText="1"/>
    </xf>
    <xf numFmtId="0" fontId="11" fillId="0" borderId="35" xfId="0" applyFont="1" applyFill="1" applyBorder="1" applyAlignment="1">
      <alignment horizontal="center" vertical="center"/>
    </xf>
    <xf numFmtId="0" fontId="11" fillId="0" borderId="36" xfId="0" applyFont="1" applyFill="1" applyBorder="1" applyAlignment="1">
      <alignment horizontal="center" vertical="center"/>
    </xf>
    <xf numFmtId="0" fontId="11" fillId="0" borderId="37" xfId="0" applyFont="1" applyFill="1" applyBorder="1" applyAlignment="1">
      <alignment horizontal="center" vertical="center"/>
    </xf>
    <xf numFmtId="0" fontId="11" fillId="0" borderId="100" xfId="0" applyFont="1" applyFill="1" applyBorder="1" applyAlignment="1">
      <alignment horizontal="center" vertical="center"/>
    </xf>
    <xf numFmtId="0" fontId="11" fillId="0" borderId="107" xfId="0" applyFont="1" applyFill="1" applyBorder="1" applyAlignment="1">
      <alignment horizontal="center" vertical="center"/>
    </xf>
    <xf numFmtId="0" fontId="11" fillId="0" borderId="101" xfId="0" applyFont="1" applyFill="1" applyBorder="1" applyAlignment="1">
      <alignment horizontal="center" vertical="center"/>
    </xf>
    <xf numFmtId="0" fontId="11" fillId="0" borderId="122" xfId="0" applyFont="1" applyFill="1" applyBorder="1" applyAlignment="1">
      <alignment horizontal="center" vertical="center"/>
    </xf>
    <xf numFmtId="0" fontId="11" fillId="0" borderId="160" xfId="0" applyFont="1" applyFill="1" applyBorder="1" applyAlignment="1">
      <alignment horizontal="center" vertical="center"/>
    </xf>
    <xf numFmtId="0" fontId="11" fillId="0" borderId="161" xfId="0" applyFont="1" applyFill="1" applyBorder="1" applyAlignment="1">
      <alignment horizontal="center" vertical="center"/>
    </xf>
    <xf numFmtId="0" fontId="11" fillId="0" borderId="159" xfId="0" applyFont="1" applyFill="1" applyBorder="1" applyAlignment="1">
      <alignment horizontal="center" vertical="center"/>
    </xf>
    <xf numFmtId="0" fontId="11" fillId="0" borderId="62" xfId="0" applyFont="1" applyFill="1" applyBorder="1" applyAlignment="1">
      <alignment horizontal="center" vertical="center"/>
    </xf>
    <xf numFmtId="0" fontId="11" fillId="0" borderId="30" xfId="0" applyFont="1" applyFill="1" applyBorder="1" applyAlignment="1">
      <alignment horizontal="center" vertical="center"/>
    </xf>
    <xf numFmtId="0" fontId="11" fillId="0" borderId="156" xfId="0" applyFont="1" applyFill="1" applyBorder="1" applyAlignment="1">
      <alignment horizontal="center" vertical="center"/>
    </xf>
    <xf numFmtId="0" fontId="11" fillId="0" borderId="157" xfId="0" applyFont="1" applyFill="1" applyBorder="1" applyAlignment="1">
      <alignment horizontal="center" vertical="center"/>
    </xf>
    <xf numFmtId="0" fontId="11" fillId="0" borderId="158" xfId="0" applyFont="1" applyFill="1" applyBorder="1" applyAlignment="1">
      <alignment horizontal="center" vertical="center"/>
    </xf>
    <xf numFmtId="0" fontId="11" fillId="0" borderId="76" xfId="0" applyFont="1" applyBorder="1" applyAlignment="1">
      <alignment horizontal="center" vertical="center"/>
    </xf>
    <xf numFmtId="0" fontId="11" fillId="0" borderId="86" xfId="0" applyFont="1" applyBorder="1" applyAlignment="1">
      <alignment horizontal="center" vertical="center"/>
    </xf>
    <xf numFmtId="0" fontId="11" fillId="0" borderId="48" xfId="0" applyFont="1" applyBorder="1" applyAlignment="1">
      <alignment horizontal="center" vertical="center"/>
    </xf>
    <xf numFmtId="0" fontId="11" fillId="0" borderId="46" xfId="0" applyFont="1" applyBorder="1" applyAlignment="1">
      <alignment horizontal="center" vertical="center"/>
    </xf>
    <xf numFmtId="0" fontId="11" fillId="0" borderId="91" xfId="0" applyFont="1" applyBorder="1" applyAlignment="1">
      <alignment horizontal="center" vertical="center"/>
    </xf>
    <xf numFmtId="0" fontId="11" fillId="0" borderId="86" xfId="0" applyFont="1" applyBorder="1" applyAlignment="1">
      <alignment horizontal="center" vertical="center" wrapText="1"/>
    </xf>
    <xf numFmtId="0" fontId="11" fillId="0" borderId="91" xfId="0" applyFont="1" applyBorder="1" applyAlignment="1">
      <alignment horizontal="center" vertical="center" wrapText="1"/>
    </xf>
    <xf numFmtId="0" fontId="15" fillId="0" borderId="46" xfId="10" applyFont="1" applyBorder="1" applyAlignment="1">
      <alignment horizontal="center" vertical="center"/>
    </xf>
    <xf numFmtId="0" fontId="15" fillId="0" borderId="48" xfId="10" applyFont="1" applyBorder="1" applyAlignment="1">
      <alignment horizontal="center" vertical="center"/>
    </xf>
    <xf numFmtId="0" fontId="15" fillId="0" borderId="55" xfId="10" applyFont="1" applyBorder="1" applyAlignment="1">
      <alignment horizontal="center" vertical="center"/>
    </xf>
    <xf numFmtId="0" fontId="15" fillId="0" borderId="9" xfId="10" applyFont="1" applyBorder="1" applyAlignment="1">
      <alignment horizontal="center" vertical="center"/>
    </xf>
    <xf numFmtId="0" fontId="15" fillId="0" borderId="47" xfId="10" applyFont="1" applyBorder="1" applyAlignment="1">
      <alignment horizontal="center" vertical="center"/>
    </xf>
    <xf numFmtId="0" fontId="15" fillId="0" borderId="11" xfId="10" applyFont="1" applyBorder="1" applyAlignment="1">
      <alignment horizontal="center" vertical="center"/>
    </xf>
    <xf numFmtId="0" fontId="15" fillId="0" borderId="136" xfId="10" applyFont="1" applyBorder="1" applyAlignment="1">
      <alignment horizontal="center" vertical="center"/>
    </xf>
    <xf numFmtId="0" fontId="15" fillId="0" borderId="137" xfId="10" applyFont="1" applyBorder="1" applyAlignment="1">
      <alignment horizontal="center" vertical="center"/>
    </xf>
    <xf numFmtId="0" fontId="15" fillId="0" borderId="142" xfId="1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47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53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11" fillId="0" borderId="54" xfId="0" applyFont="1" applyBorder="1" applyAlignment="1">
      <alignment horizontal="center" vertical="center"/>
    </xf>
    <xf numFmtId="57" fontId="15" fillId="0" borderId="49" xfId="10" applyNumberFormat="1" applyFont="1" applyBorder="1" applyAlignment="1">
      <alignment horizontal="center" vertical="center" wrapText="1"/>
    </xf>
    <xf numFmtId="57" fontId="15" fillId="0" borderId="50" xfId="10" applyNumberFormat="1" applyFont="1" applyBorder="1" applyAlignment="1">
      <alignment horizontal="center" vertical="center" wrapText="1"/>
    </xf>
    <xf numFmtId="57" fontId="15" fillId="0" borderId="51" xfId="10" applyNumberFormat="1" applyFont="1" applyBorder="1" applyAlignment="1">
      <alignment horizontal="center" vertical="center" wrapText="1"/>
    </xf>
    <xf numFmtId="0" fontId="11" fillId="0" borderId="82" xfId="0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0" fontId="11" fillId="0" borderId="14" xfId="0" applyFont="1" applyBorder="1" applyAlignment="1">
      <alignment horizontal="center" vertical="center"/>
    </xf>
    <xf numFmtId="57" fontId="15" fillId="0" borderId="20" xfId="10" applyNumberFormat="1" applyFont="1" applyBorder="1" applyAlignment="1">
      <alignment horizontal="center" vertical="center" wrapText="1"/>
    </xf>
    <xf numFmtId="57" fontId="15" fillId="0" borderId="52" xfId="10" applyNumberFormat="1" applyFont="1" applyBorder="1" applyAlignment="1">
      <alignment horizontal="center" vertical="center" wrapText="1"/>
    </xf>
    <xf numFmtId="57" fontId="15" fillId="0" borderId="82" xfId="10" applyNumberFormat="1" applyFont="1" applyBorder="1" applyAlignment="1">
      <alignment horizontal="center" vertical="center" wrapText="1"/>
    </xf>
    <xf numFmtId="57" fontId="15" fillId="0" borderId="13" xfId="10" applyNumberFormat="1" applyFont="1" applyBorder="1" applyAlignment="1">
      <alignment horizontal="center" vertical="center" wrapText="1"/>
    </xf>
    <xf numFmtId="57" fontId="15" fillId="0" borderId="115" xfId="10" applyNumberFormat="1" applyFont="1" applyBorder="1" applyAlignment="1">
      <alignment horizontal="center" vertical="center" wrapText="1"/>
    </xf>
    <xf numFmtId="57" fontId="15" fillId="0" borderId="33" xfId="10" applyNumberFormat="1" applyFont="1" applyBorder="1" applyAlignment="1">
      <alignment horizontal="center" vertical="center" wrapText="1"/>
    </xf>
    <xf numFmtId="57" fontId="15" fillId="0" borderId="45" xfId="10" applyNumberFormat="1" applyFont="1" applyBorder="1" applyAlignment="1">
      <alignment horizontal="center" vertical="center" wrapText="1"/>
    </xf>
    <xf numFmtId="57" fontId="15" fillId="0" borderId="27" xfId="10" applyNumberFormat="1" applyFont="1" applyBorder="1" applyAlignment="1">
      <alignment horizontal="center" vertical="center" wrapText="1"/>
    </xf>
    <xf numFmtId="57" fontId="15" fillId="0" borderId="141" xfId="10" applyNumberFormat="1" applyFont="1" applyBorder="1" applyAlignment="1">
      <alignment horizontal="center" vertical="center" wrapText="1"/>
    </xf>
    <xf numFmtId="0" fontId="11" fillId="0" borderId="46" xfId="0" applyFont="1" applyBorder="1" applyAlignment="1">
      <alignment horizontal="center" vertical="center" wrapText="1"/>
    </xf>
    <xf numFmtId="0" fontId="11" fillId="0" borderId="48" xfId="0" applyFont="1" applyBorder="1" applyAlignment="1">
      <alignment horizontal="center" vertical="center" wrapText="1"/>
    </xf>
    <xf numFmtId="0" fontId="11" fillId="0" borderId="55" xfId="0" applyFont="1" applyBorder="1" applyAlignment="1">
      <alignment horizontal="center" vertical="center" wrapText="1"/>
    </xf>
    <xf numFmtId="0" fontId="15" fillId="0" borderId="53" xfId="10" applyFont="1" applyBorder="1" applyAlignment="1">
      <alignment horizontal="center" vertical="center"/>
    </xf>
    <xf numFmtId="0" fontId="15" fillId="0" borderId="121" xfId="10" applyFont="1" applyBorder="1" applyAlignment="1">
      <alignment horizontal="center" vertical="center"/>
    </xf>
    <xf numFmtId="0" fontId="11" fillId="0" borderId="92" xfId="0" applyFont="1" applyBorder="1" applyAlignment="1">
      <alignment horizontal="center" vertical="center"/>
    </xf>
    <xf numFmtId="0" fontId="11" fillId="0" borderId="93" xfId="0" applyFont="1" applyBorder="1" applyAlignment="1">
      <alignment horizontal="center" vertical="center"/>
    </xf>
    <xf numFmtId="0" fontId="0" fillId="0" borderId="112" xfId="0" applyFill="1" applyBorder="1" applyAlignment="1">
      <alignment horizontal="center" vertical="center"/>
    </xf>
    <xf numFmtId="0" fontId="0" fillId="0" borderId="144" xfId="0" applyFill="1" applyBorder="1" applyAlignment="1">
      <alignment horizontal="center" vertical="center"/>
    </xf>
    <xf numFmtId="0" fontId="15" fillId="0" borderId="21" xfId="0" applyFont="1" applyBorder="1" applyAlignment="1">
      <alignment horizontal="center" vertical="center"/>
    </xf>
    <xf numFmtId="0" fontId="15" fillId="0" borderId="18" xfId="0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1" fillId="0" borderId="165" xfId="0" applyFont="1" applyBorder="1" applyAlignment="1">
      <alignment horizontal="center" vertical="center"/>
    </xf>
    <xf numFmtId="0" fontId="11" fillId="0" borderId="166" xfId="0" applyFont="1" applyBorder="1" applyAlignment="1">
      <alignment horizontal="center" vertical="center"/>
    </xf>
    <xf numFmtId="0" fontId="15" fillId="0" borderId="34" xfId="0" applyFont="1" applyBorder="1" applyAlignment="1">
      <alignment horizontal="center" vertical="center" wrapText="1"/>
    </xf>
    <xf numFmtId="0" fontId="15" fillId="0" borderId="38" xfId="0" applyFont="1" applyBorder="1" applyAlignment="1">
      <alignment horizontal="center" vertical="center" wrapText="1"/>
    </xf>
    <xf numFmtId="0" fontId="15" fillId="0" borderId="25" xfId="0" applyFont="1" applyBorder="1" applyAlignment="1">
      <alignment horizontal="center" vertical="center"/>
    </xf>
    <xf numFmtId="0" fontId="15" fillId="0" borderId="85" xfId="0" applyFont="1" applyBorder="1" applyAlignment="1">
      <alignment horizontal="center" vertical="center"/>
    </xf>
    <xf numFmtId="0" fontId="11" fillId="0" borderId="89" xfId="0" applyFont="1" applyBorder="1" applyAlignment="1">
      <alignment horizontal="center" vertical="center"/>
    </xf>
    <xf numFmtId="0" fontId="11" fillId="0" borderId="44" xfId="0" applyFont="1" applyBorder="1" applyAlignment="1">
      <alignment horizontal="center" vertical="center"/>
    </xf>
    <xf numFmtId="0" fontId="11" fillId="0" borderId="34" xfId="0" applyFont="1" applyBorder="1" applyAlignment="1">
      <alignment horizontal="center" vertical="center"/>
    </xf>
    <xf numFmtId="0" fontId="9" fillId="0" borderId="3" xfId="0" applyFont="1" applyBorder="1" applyAlignment="1">
      <alignment horizontal="left" vertical="center" indent="6"/>
    </xf>
    <xf numFmtId="0" fontId="9" fillId="0" borderId="108" xfId="0" applyFont="1" applyBorder="1" applyAlignment="1">
      <alignment horizontal="left" vertical="center" indent="6"/>
    </xf>
    <xf numFmtId="0" fontId="9" fillId="0" borderId="1" xfId="0" applyFont="1" applyBorder="1" applyAlignment="1">
      <alignment horizontal="left" vertical="center" indent="6"/>
    </xf>
    <xf numFmtId="0" fontId="20" fillId="0" borderId="6" xfId="0" applyFont="1" applyBorder="1" applyAlignment="1">
      <alignment horizontal="center" vertical="center"/>
    </xf>
    <xf numFmtId="0" fontId="9" fillId="0" borderId="164" xfId="0" applyFont="1" applyBorder="1" applyAlignment="1">
      <alignment horizontal="left" vertical="center" indent="5"/>
    </xf>
    <xf numFmtId="0" fontId="9" fillId="0" borderId="114" xfId="0" applyFont="1" applyBorder="1" applyAlignment="1">
      <alignment horizontal="left" vertical="center" indent="5"/>
    </xf>
    <xf numFmtId="0" fontId="9" fillId="0" borderId="163" xfId="0" applyFont="1" applyBorder="1" applyAlignment="1">
      <alignment horizontal="left" vertical="center" indent="5"/>
    </xf>
    <xf numFmtId="0" fontId="9" fillId="0" borderId="4" xfId="0" applyFont="1" applyBorder="1" applyAlignment="1">
      <alignment horizontal="left" vertical="center" indent="5"/>
    </xf>
    <xf numFmtId="0" fontId="9" fillId="0" borderId="0" xfId="0" applyFont="1" applyBorder="1" applyAlignment="1">
      <alignment horizontal="left" vertical="center" indent="5"/>
    </xf>
    <xf numFmtId="0" fontId="9" fillId="0" borderId="5" xfId="0" applyFont="1" applyBorder="1" applyAlignment="1">
      <alignment horizontal="left" vertical="center" indent="5"/>
    </xf>
    <xf numFmtId="0" fontId="9" fillId="0" borderId="164" xfId="0" applyFont="1" applyBorder="1" applyAlignment="1">
      <alignment horizontal="left" vertical="center" indent="6"/>
    </xf>
    <xf numFmtId="0" fontId="9" fillId="0" borderId="114" xfId="0" applyFont="1" applyBorder="1" applyAlignment="1">
      <alignment horizontal="left" vertical="center" indent="6"/>
    </xf>
    <xf numFmtId="0" fontId="9" fillId="0" borderId="163" xfId="0" applyFont="1" applyBorder="1" applyAlignment="1">
      <alignment horizontal="left" vertical="center" indent="6"/>
    </xf>
    <xf numFmtId="0" fontId="9" fillId="0" borderId="4" xfId="0" applyFont="1" applyBorder="1" applyAlignment="1">
      <alignment horizontal="left" vertical="center" indent="6"/>
    </xf>
    <xf numFmtId="0" fontId="9" fillId="0" borderId="0" xfId="0" applyFont="1" applyBorder="1" applyAlignment="1">
      <alignment horizontal="left" vertical="center" indent="6"/>
    </xf>
    <xf numFmtId="0" fontId="9" fillId="0" borderId="5" xfId="0" applyFont="1" applyBorder="1" applyAlignment="1">
      <alignment horizontal="left" vertical="center" indent="6"/>
    </xf>
    <xf numFmtId="0" fontId="15" fillId="0" borderId="0" xfId="16" applyFont="1" applyAlignment="1">
      <alignment horizontal="left" vertical="center"/>
    </xf>
    <xf numFmtId="0" fontId="15" fillId="0" borderId="162" xfId="16" applyFont="1" applyBorder="1" applyAlignment="1">
      <alignment horizontal="right" vertical="center"/>
    </xf>
    <xf numFmtId="0" fontId="15" fillId="0" borderId="170" xfId="16" applyFont="1" applyBorder="1" applyAlignment="1">
      <alignment horizontal="right" vertical="center"/>
    </xf>
    <xf numFmtId="0" fontId="15" fillId="0" borderId="2" xfId="16" applyFont="1" applyBorder="1" applyAlignment="1">
      <alignment horizontal="right" vertical="center"/>
    </xf>
    <xf numFmtId="0" fontId="15" fillId="0" borderId="6" xfId="14" applyFont="1" applyBorder="1" applyAlignment="1">
      <alignment horizontal="left" vertical="center"/>
    </xf>
    <xf numFmtId="0" fontId="26" fillId="0" borderId="6" xfId="14" applyFont="1" applyBorder="1" applyAlignment="1">
      <alignment horizontal="left" vertical="center"/>
    </xf>
  </cellXfs>
  <cellStyles count="18">
    <cellStyle name="パーセント" xfId="2" builtinId="5"/>
    <cellStyle name="パーセント 2" xfId="9"/>
    <cellStyle name="パーセント 2 2" xfId="13"/>
    <cellStyle name="パーセント 2 2 2" xfId="15"/>
    <cellStyle name="パーセント 2 2 3" xfId="17"/>
    <cellStyle name="パーセント 3" xfId="8"/>
    <cellStyle name="桁区切り" xfId="1" builtinId="6"/>
    <cellStyle name="桁区切り 2 2" xfId="6"/>
    <cellStyle name="通貨 2 2" xfId="7"/>
    <cellStyle name="標準" xfId="0" builtinId="0"/>
    <cellStyle name="標準 2 2" xfId="4"/>
    <cellStyle name="標準 2 2 2" xfId="11"/>
    <cellStyle name="標準 2 5" xfId="3"/>
    <cellStyle name="標準 2 5 2" xfId="10"/>
    <cellStyle name="標準 3 2" xfId="5"/>
    <cellStyle name="標準 3 2 2" xfId="12"/>
    <cellStyle name="標準 3 2 2 2" xfId="14"/>
    <cellStyle name="標準 3 2 2 3" xfId="16"/>
  </cellStyles>
  <dxfs count="0"/>
  <tableStyles count="0" defaultTableStyle="TableStyleMedium2" defaultPivotStyle="PivotStyleLight16"/>
  <colors>
    <mruColors>
      <color rgb="FFFF99CC"/>
      <color rgb="FF33CCCC"/>
      <color rgb="FF3399FF"/>
      <color rgb="FF66FF66"/>
      <color rgb="FF99FF33"/>
      <color rgb="FF4291D2"/>
      <color rgb="FF33CCFF"/>
      <color rgb="FF9999FF"/>
      <color rgb="FFFF9933"/>
      <color rgb="FFFFCC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主な勤務体制（老健）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主な勤務体制 (グラフ）'!$A$3</c:f>
              <c:strCache>
                <c:ptCount val="1"/>
                <c:pt idx="0">
                  <c:v>老健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0.11627029989192574"/>
                  <c:y val="0.2820512156148291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0"/>
                  <c:y val="-0.16452987577531697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7.4745192787666573E-2"/>
                  <c:y val="0.1363247542138340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-5.5366809472345589E-2"/>
                  <c:y val="2.8205121561482908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0.21039387599491322"/>
                  <c:y val="7.9914511090868237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</c:ext>
            </c:extLst>
          </c:dLbls>
          <c:cat>
            <c:strRef>
              <c:f>'主な勤務体制 (グラフ）'!$B$2:$F$2</c:f>
              <c:strCache>
                <c:ptCount val="5"/>
                <c:pt idx="0">
                  <c:v>３交代</c:v>
                </c:pt>
                <c:pt idx="1">
                  <c:v>２交代</c:v>
                </c:pt>
                <c:pt idx="2">
                  <c:v>混合</c:v>
                </c:pt>
                <c:pt idx="3">
                  <c:v>その他</c:v>
                </c:pt>
                <c:pt idx="4">
                  <c:v>無回答</c:v>
                </c:pt>
              </c:strCache>
            </c:strRef>
          </c:cat>
          <c:val>
            <c:numRef>
              <c:f>'主な勤務体制 (グラフ）'!$B$3:$F$3</c:f>
              <c:numCache>
                <c:formatCode>0.0%</c:formatCode>
                <c:ptCount val="5"/>
                <c:pt idx="0">
                  <c:v>8.9285714285714288E-2</c:v>
                </c:pt>
                <c:pt idx="1">
                  <c:v>0.71399999999999997</c:v>
                </c:pt>
                <c:pt idx="2">
                  <c:v>8.9285714285714281E-3</c:v>
                </c:pt>
                <c:pt idx="3">
                  <c:v>0.11607142857142858</c:v>
                </c:pt>
                <c:pt idx="4">
                  <c:v>7.1428571428571425E-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16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2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主な勤務体制（特養）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主な勤務体制 (グラフ）'!$A$4</c:f>
              <c:strCache>
                <c:ptCount val="1"/>
                <c:pt idx="0">
                  <c:v>特養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8.6119029894982643E-2"/>
                  <c:y val="-5.3802959669981859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-8.1509139904293801E-2"/>
                  <c:y val="-5.0263706848054771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4.9153788857768901E-2"/>
                  <c:y val="-0.15636474703538808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5.489377190966005E-2"/>
                  <c:y val="-0.21694449336849919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layout/>
              </c:ext>
            </c:extLst>
          </c:dLbls>
          <c:cat>
            <c:strRef>
              <c:f>'主な勤務体制 (グラフ）'!$B$2:$F$2</c:f>
              <c:strCache>
                <c:ptCount val="5"/>
                <c:pt idx="0">
                  <c:v>３交代</c:v>
                </c:pt>
                <c:pt idx="1">
                  <c:v>２交代</c:v>
                </c:pt>
                <c:pt idx="2">
                  <c:v>混合</c:v>
                </c:pt>
                <c:pt idx="3">
                  <c:v>その他</c:v>
                </c:pt>
                <c:pt idx="4">
                  <c:v>無回答</c:v>
                </c:pt>
              </c:strCache>
            </c:strRef>
          </c:cat>
          <c:val>
            <c:numRef>
              <c:f>'主な勤務体制 (グラフ）'!$B$4:$F$4</c:f>
              <c:numCache>
                <c:formatCode>0.0%</c:formatCode>
                <c:ptCount val="5"/>
                <c:pt idx="0">
                  <c:v>0.1062992125984252</c:v>
                </c:pt>
                <c:pt idx="1">
                  <c:v>0.17716535433070865</c:v>
                </c:pt>
                <c:pt idx="2">
                  <c:v>2.3622047244094488E-2</c:v>
                </c:pt>
                <c:pt idx="3">
                  <c:v>0.6692913385826772</c:v>
                </c:pt>
                <c:pt idx="4">
                  <c:v>2.3622047244094488E-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134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4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paperSize="9" orientation="landscape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夜間オンコール体制（老健）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主な勤務体制 (グラフ）'!$A$9</c:f>
              <c:strCache>
                <c:ptCount val="1"/>
                <c:pt idx="0">
                  <c:v>老健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2"/>
              <c:layout>
                <c:manualLayout>
                  <c:x val="-0.10100649884274648"/>
                  <c:y val="9.578639723679086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layout/>
              </c:ext>
            </c:extLst>
          </c:dLbls>
          <c:cat>
            <c:strRef>
              <c:f>'主な勤務体制 (グラフ）'!$B$8:$D$8</c:f>
              <c:strCache>
                <c:ptCount val="3"/>
                <c:pt idx="0">
                  <c:v>あり</c:v>
                </c:pt>
                <c:pt idx="1">
                  <c:v>なし</c:v>
                </c:pt>
                <c:pt idx="2">
                  <c:v>無回答</c:v>
                </c:pt>
              </c:strCache>
            </c:strRef>
          </c:cat>
          <c:val>
            <c:numRef>
              <c:f>'主な勤務体制 (グラフ）'!$B$9:$D$9</c:f>
              <c:numCache>
                <c:formatCode>0.0%</c:formatCode>
                <c:ptCount val="3"/>
                <c:pt idx="0">
                  <c:v>0.20535714285714285</c:v>
                </c:pt>
                <c:pt idx="1">
                  <c:v>0.6785714285714286</c:v>
                </c:pt>
                <c:pt idx="2">
                  <c:v>0.1160714285714285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2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夜間オンコール体制（特養）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tx>
            <c:strRef>
              <c:f>'主な勤務体制 (グラフ）'!$A$10</c:f>
              <c:strCache>
                <c:ptCount val="1"/>
                <c:pt idx="0">
                  <c:v>特養</c:v>
                </c:pt>
              </c:strCache>
            </c:strRef>
          </c:tx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1"/>
              <c:layout>
                <c:manualLayout>
                  <c:x val="-0.18628073159555686"/>
                  <c:y val="0.1201119610137858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3034572695750768"/>
                      <c:h val="0.15305753417198628"/>
                    </c:manualLayout>
                  </c15:layout>
                </c:ext>
              </c:extLst>
            </c:dLbl>
            <c:dLbl>
              <c:idx val="2"/>
              <c:layout>
                <c:manualLayout>
                  <c:x val="0.12587619465650277"/>
                  <c:y val="7.5645793791152535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/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estFit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layout/>
              </c:ext>
            </c:extLst>
          </c:dLbls>
          <c:cat>
            <c:strRef>
              <c:f>'主な勤務体制 (グラフ）'!$B$8:$D$8</c:f>
              <c:strCache>
                <c:ptCount val="3"/>
                <c:pt idx="0">
                  <c:v>あり</c:v>
                </c:pt>
                <c:pt idx="1">
                  <c:v>なし</c:v>
                </c:pt>
                <c:pt idx="2">
                  <c:v>無回答</c:v>
                </c:pt>
              </c:strCache>
            </c:strRef>
          </c:cat>
          <c:val>
            <c:numRef>
              <c:f>'主な勤務体制 (グラフ）'!$B$10:$D$10</c:f>
              <c:numCache>
                <c:formatCode>0.0%</c:formatCode>
                <c:ptCount val="3"/>
                <c:pt idx="0">
                  <c:v>0.8582677165354331</c:v>
                </c:pt>
                <c:pt idx="1">
                  <c:v>0.11811023622047244</c:v>
                </c:pt>
                <c:pt idx="2">
                  <c:v>2.3622047244094488E-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25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4">
        <a:lumMod val="40000"/>
        <a:lumOff val="6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ja-JP" altLang="en-US" sz="1400" b="1">
                <a:solidFill>
                  <a:schemeClr val="tx1"/>
                </a:solidFill>
              </a:rPr>
              <a:t>退職理由（老健）</a:t>
            </a:r>
            <a:endParaRPr lang="en-US" altLang="ja-JP" sz="1400" b="1">
              <a:solidFill>
                <a:schemeClr val="tx1"/>
              </a:solidFill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-0.28610130738301565"/>
                  <c:y val="1.3385425875557716E-2"/>
                </c:manualLayout>
              </c:layout>
              <c:numFmt formatCode="0.0%" sourceLinked="0"/>
              <c:spPr>
                <a:xfrm>
                  <a:off x="1333774" y="346119"/>
                  <a:ext cx="692496" cy="502663"/>
                </a:xfrm>
                <a:solidFill>
                  <a:sysClr val="window" lastClr="FFFFFF"/>
                </a:solidFill>
                <a:ln w="9525" cap="flat" cmpd="sng" algn="ctr">
                  <a:solidFill>
                    <a:sysClr val="windowText" lastClr="000000">
                      <a:lumMod val="25000"/>
                      <a:lumOff val="75000"/>
                    </a:sysClr>
                  </a:solidFill>
                  <a:prstDash val="solid"/>
                  <a:round/>
                  <a:headEnd type="none" w="med" len="med"/>
                  <a:tailEnd type="none" w="med" len="med"/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dk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>
                        <a:gd name="adj1" fmla="val 176853"/>
                        <a:gd name="adj2" fmla="val 46683"/>
                      </a:avLst>
                    </a:prstGeom>
                    <a:noFill/>
                    <a:ln>
                      <a:noFill/>
                    </a:ln>
                  </c15:spPr>
                  <c15:layout>
                    <c:manualLayout>
                      <c:w val="0.14613405793741768"/>
                      <c:h val="0.12320250446346677"/>
                    </c:manualLayout>
                  </c15:layout>
                </c:ext>
              </c:extLst>
            </c:dLbl>
            <c:dLbl>
              <c:idx val="1"/>
              <c:layout>
                <c:manualLayout>
                  <c:x val="0.16214547921215203"/>
                  <c:y val="2.3339504096395503E-2"/>
                </c:manualLayout>
              </c:layout>
              <c:numFmt formatCode="0.0%" sourceLinked="0"/>
              <c:spPr>
                <a:solidFill>
                  <a:sysClr val="window" lastClr="FFFFFF"/>
                </a:solidFill>
                <a:ln>
                  <a:solidFill>
                    <a:sysClr val="windowText" lastClr="000000">
                      <a:lumMod val="25000"/>
                      <a:lumOff val="75000"/>
                    </a:sysClr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no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dk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>
                    <c:manualLayout>
                      <c:w val="0.14256940813617494"/>
                      <c:h val="0.14186135771424421"/>
                    </c:manualLayout>
                  </c15:layout>
                </c:ext>
              </c:extLst>
            </c:dLbl>
            <c:dLbl>
              <c:idx val="2"/>
              <c:layout>
                <c:manualLayout>
                  <c:x val="-0.16625016673074366"/>
                  <c:y val="0.1776355049865681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5519279780250664"/>
                      <c:h val="0.13206922113050287"/>
                    </c:manualLayout>
                  </c15:layout>
                </c:ext>
              </c:extLst>
            </c:dLbl>
            <c:dLbl>
              <c:idx val="3"/>
              <c:layout>
                <c:manualLayout>
                  <c:x val="-1.9115367688544996E-2"/>
                  <c:y val="-6.4835945669368164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0890602520326885"/>
                      <c:h val="9.7832000504076339E-2"/>
                    </c:manualLayout>
                  </c15:layout>
                </c:ext>
              </c:extLst>
            </c:dLbl>
            <c:dLbl>
              <c:idx val="4"/>
              <c:layout>
                <c:manualLayout>
                  <c:x val="-0.23127809903413871"/>
                  <c:y val="-0.18328131700763681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98598534481344"/>
                      <c:h val="0.16448440129852018"/>
                    </c:manualLayout>
                  </c15:layout>
                </c:ext>
              </c:extLst>
            </c:dLbl>
            <c:dLbl>
              <c:idx val="5"/>
              <c:layout>
                <c:manualLayout>
                  <c:x val="0.43671275449174407"/>
                  <c:y val="-1.081137264628397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549334964588562"/>
                      <c:h val="0.1666684378490336"/>
                    </c:manualLayout>
                  </c15:layout>
                </c:ext>
              </c:extLst>
            </c:dLbl>
            <c:dLbl>
              <c:idx val="6"/>
              <c:layout>
                <c:manualLayout>
                  <c:x val="-0.21139140104467957"/>
                  <c:y val="-2.9414808917892284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7"/>
              <c:layout>
                <c:manualLayout>
                  <c:x val="0.23953218139022373"/>
                  <c:y val="3.474220480163169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38655711535485"/>
                      <c:h val="0.173648362423902"/>
                    </c:manualLayout>
                  </c15:layout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</c:ext>
            </c:extLst>
          </c:dLbls>
          <c:cat>
            <c:strRef>
              <c:f>'５.退職理由'!$C$3:$J$3</c:f>
              <c:strCache>
                <c:ptCount val="8"/>
                <c:pt idx="0">
                  <c:v>定年退職</c:v>
                </c:pt>
                <c:pt idx="1">
                  <c:v>出産　　　　　　　子育て</c:v>
                </c:pt>
                <c:pt idx="2">
                  <c:v>体調不良</c:v>
                </c:pt>
                <c:pt idx="3">
                  <c:v>介護</c:v>
                </c:pt>
                <c:pt idx="4">
                  <c:v>次の就職先（県内）　　　　　　　　決まっている</c:v>
                </c:pt>
                <c:pt idx="5">
                  <c:v>次の就職先（県外）　　　　　　　　　決まっている</c:v>
                </c:pt>
                <c:pt idx="6">
                  <c:v>看護職以外　　　　　に転職</c:v>
                </c:pt>
                <c:pt idx="7">
                  <c:v>その他　　　（不明を　　　　含む）</c:v>
                </c:pt>
              </c:strCache>
            </c:strRef>
          </c:cat>
          <c:val>
            <c:numRef>
              <c:f>'５.退職理由'!$C$4:$J$4</c:f>
              <c:numCache>
                <c:formatCode>#,##0_);[Red]\(#,##0\)</c:formatCode>
                <c:ptCount val="8"/>
                <c:pt idx="0">
                  <c:v>14</c:v>
                </c:pt>
                <c:pt idx="1">
                  <c:v>4</c:v>
                </c:pt>
                <c:pt idx="2">
                  <c:v>43</c:v>
                </c:pt>
                <c:pt idx="3">
                  <c:v>11</c:v>
                </c:pt>
                <c:pt idx="4">
                  <c:v>99</c:v>
                </c:pt>
                <c:pt idx="5">
                  <c:v>10</c:v>
                </c:pt>
                <c:pt idx="6">
                  <c:v>2</c:v>
                </c:pt>
                <c:pt idx="7">
                  <c:v>145</c:v>
                </c:pt>
              </c:numCache>
            </c:numRef>
          </c:val>
        </c:ser>
        <c:dLbls>
          <c:dLblPos val="outEnd"/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354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2">
        <a:lumMod val="60000"/>
        <a:lumOff val="4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ja-JP" altLang="en-US" sz="1400" b="1">
                <a:solidFill>
                  <a:schemeClr val="tx1"/>
                </a:solidFill>
              </a:rPr>
              <a:t>退職理由（特養）</a:t>
            </a:r>
            <a:endParaRPr lang="en-US" altLang="ja-JP" sz="1400" b="1">
              <a:solidFill>
                <a:schemeClr val="tx1"/>
              </a:solidFill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</c:dPt>
          <c:dLbls>
            <c:dLbl>
              <c:idx val="0"/>
              <c:layout>
                <c:manualLayout>
                  <c:x val="2.3620273221013052E-2"/>
                  <c:y val="-2.2010077691166641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4745950386307374"/>
                      <c:h val="0.1345656341601163"/>
                    </c:manualLayout>
                  </c15:layout>
                </c:ext>
              </c:extLst>
            </c:dLbl>
            <c:dLbl>
              <c:idx val="1"/>
              <c:layout>
                <c:manualLayout>
                  <c:x val="0.11640997008450142"/>
                  <c:y val="7.5441360301158875E-2"/>
                </c:manualLayout>
              </c:layout>
              <c:numFmt formatCode="0.0%" sourceLinked="0"/>
              <c:spPr>
                <a:solidFill>
                  <a:sysClr val="window" lastClr="FFFFFF"/>
                </a:solidFill>
                <a:ln>
                  <a:solidFill>
                    <a:sysClr val="windowText" lastClr="000000">
                      <a:lumMod val="25000"/>
                      <a:lumOff val="75000"/>
                    </a:sysClr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no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dk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>
                    <c:manualLayout>
                      <c:w val="0.14839260233295881"/>
                      <c:h val="0.12821464932982427"/>
                    </c:manualLayout>
                  </c15:layout>
                </c:ext>
              </c:extLst>
            </c:dLbl>
            <c:dLbl>
              <c:idx val="2"/>
              <c:layout>
                <c:manualLayout>
                  <c:x val="-0.20474352815765501"/>
                  <c:y val="0.12833585867375288"/>
                </c:manualLayout>
              </c:layout>
              <c:numFmt formatCode="0.0%" sourceLinked="0"/>
              <c:spPr>
                <a:solidFill>
                  <a:sysClr val="window" lastClr="FFFFFF"/>
                </a:solidFill>
                <a:ln>
                  <a:solidFill>
                    <a:sysClr val="windowText" lastClr="000000">
                      <a:lumMod val="25000"/>
                      <a:lumOff val="75000"/>
                    </a:sysClr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no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dk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>
                    <c:manualLayout>
                      <c:w val="0.14159760420854697"/>
                      <c:h val="0.13232614723419692"/>
                    </c:manualLayout>
                  </c15:layout>
                </c:ext>
              </c:extLst>
            </c:dLbl>
            <c:dLbl>
              <c:idx val="3"/>
              <c:layout>
                <c:manualLayout>
                  <c:x val="-4.5007914326465268E-3"/>
                  <c:y val="-0.17334387895436743"/>
                </c:manualLayout>
              </c:layout>
              <c:numFmt formatCode="0.0%" sourceLinked="0"/>
              <c:spPr>
                <a:solidFill>
                  <a:sysClr val="window" lastClr="FFFFFF"/>
                </a:solidFill>
                <a:ln>
                  <a:solidFill>
                    <a:sysClr val="windowText" lastClr="000000">
                      <a:lumMod val="25000"/>
                      <a:lumOff val="75000"/>
                    </a:sysClr>
                  </a:solidFill>
                </a:ln>
                <a:effectLst/>
              </c:spPr>
              <c:txPr>
                <a:bodyPr rot="0" spcFirstLastPara="1" vertOverflow="clip" horzOverflow="clip" vert="horz" wrap="square" lIns="38100" tIns="19050" rIns="38100" bIns="19050" anchor="ctr" anchorCtr="1">
                  <a:no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dk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ja-JP"/>
                </a:p>
              </c:txPr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spPr xmlns:c15="http://schemas.microsoft.com/office/drawing/2012/chart">
                    <a:prstGeom prst="wedgeRectCallout">
                      <a:avLst/>
                    </a:prstGeom>
                    <a:noFill/>
                    <a:ln>
                      <a:noFill/>
                    </a:ln>
                  </c15:spPr>
                  <c15:layout>
                    <c:manualLayout>
                      <c:w val="0.11955741175742113"/>
                      <c:h val="0.10155911228145523"/>
                    </c:manualLayout>
                  </c15:layout>
                </c:ext>
              </c:extLst>
            </c:dLbl>
            <c:dLbl>
              <c:idx val="4"/>
              <c:layout>
                <c:manualLayout>
                  <c:x val="-0.23178619606089282"/>
                  <c:y val="-0.2316180258058716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4038324725000854"/>
                      <c:h val="0.1823563970986016"/>
                    </c:manualLayout>
                  </c15:layout>
                </c:ext>
              </c:extLst>
            </c:dLbl>
            <c:dLbl>
              <c:idx val="5"/>
              <c:layout>
                <c:manualLayout>
                  <c:x val="0.39179300381691495"/>
                  <c:y val="-5.684595796571891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512305612606785"/>
                      <c:h val="0.20679066166834081"/>
                    </c:manualLayout>
                  </c15:layout>
                </c:ext>
              </c:extLst>
            </c:dLbl>
            <c:dLbl>
              <c:idx val="6"/>
              <c:layout>
                <c:manualLayout>
                  <c:x val="-0.28815501838111846"/>
                  <c:y val="-1.4641319163442142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472756129416825"/>
                      <c:h val="0.14513323495495578"/>
                    </c:manualLayout>
                  </c15:layout>
                </c:ext>
              </c:extLst>
            </c:dLbl>
            <c:dLbl>
              <c:idx val="7"/>
              <c:layout>
                <c:manualLayout>
                  <c:x val="0.24599884859972326"/>
                  <c:y val="4.6487194049163419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7276514854179889"/>
                      <c:h val="0.19844435765256854"/>
                    </c:manualLayout>
                  </c15:layout>
                </c:ext>
              </c:extLst>
            </c:dLbl>
            <c:numFmt formatCode="0.0%" sourceLinked="0"/>
            <c:spPr>
              <a:solidFill>
                <a:sysClr val="window" lastClr="FFFFFF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</c:ext>
            </c:extLst>
          </c:dLbls>
          <c:cat>
            <c:strRef>
              <c:f>'５.退職理由'!$C$3:$J$3</c:f>
              <c:strCache>
                <c:ptCount val="8"/>
                <c:pt idx="0">
                  <c:v>定年退職</c:v>
                </c:pt>
                <c:pt idx="1">
                  <c:v>出産　　　　　　　子育て</c:v>
                </c:pt>
                <c:pt idx="2">
                  <c:v>体調不良</c:v>
                </c:pt>
                <c:pt idx="3">
                  <c:v>介護</c:v>
                </c:pt>
                <c:pt idx="4">
                  <c:v>次の就職先（県内）　　　　　　　　決まっている</c:v>
                </c:pt>
                <c:pt idx="5">
                  <c:v>次の就職先（県外）　　　　　　　　　決まっている</c:v>
                </c:pt>
                <c:pt idx="6">
                  <c:v>看護職以外　　　　　に転職</c:v>
                </c:pt>
                <c:pt idx="7">
                  <c:v>その他　　　（不明を　　　　含む）</c:v>
                </c:pt>
              </c:strCache>
            </c:strRef>
          </c:cat>
          <c:val>
            <c:numRef>
              <c:f>'５.退職理由'!$C$6:$J$6</c:f>
              <c:numCache>
                <c:formatCode>#,##0_);[Red]\(#,##0\)</c:formatCode>
                <c:ptCount val="8"/>
                <c:pt idx="0">
                  <c:v>14</c:v>
                </c:pt>
                <c:pt idx="1">
                  <c:v>10</c:v>
                </c:pt>
                <c:pt idx="2">
                  <c:v>57</c:v>
                </c:pt>
                <c:pt idx="3">
                  <c:v>16</c:v>
                </c:pt>
                <c:pt idx="4">
                  <c:v>96</c:v>
                </c:pt>
                <c:pt idx="5">
                  <c:v>7</c:v>
                </c:pt>
                <c:pt idx="6">
                  <c:v>3</c:v>
                </c:pt>
                <c:pt idx="7">
                  <c:v>223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13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accent4">
        <a:lumMod val="60000"/>
        <a:lumOff val="40000"/>
      </a:schemeClr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4" Type="http://schemas.openxmlformats.org/officeDocument/2006/relationships/chart" Target="../charts/chart4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4</xdr:row>
      <xdr:rowOff>0</xdr:rowOff>
    </xdr:from>
    <xdr:to>
      <xdr:col>5</xdr:col>
      <xdr:colOff>8659</xdr:colOff>
      <xdr:row>24</xdr:row>
      <xdr:rowOff>0</xdr:rowOff>
    </xdr:to>
    <xdr:graphicFrame macro="">
      <xdr:nvGraphicFramePr>
        <xdr:cNvPr id="2" name="グラフ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804430</xdr:colOff>
      <xdr:row>14</xdr:row>
      <xdr:rowOff>0</xdr:rowOff>
    </xdr:from>
    <xdr:to>
      <xdr:col>11</xdr:col>
      <xdr:colOff>1</xdr:colOff>
      <xdr:row>24</xdr:row>
      <xdr:rowOff>8659</xdr:rowOff>
    </xdr:to>
    <xdr:graphicFrame macro="">
      <xdr:nvGraphicFramePr>
        <xdr:cNvPr id="3" name="グラフ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8657</xdr:colOff>
      <xdr:row>26</xdr:row>
      <xdr:rowOff>301336</xdr:rowOff>
    </xdr:from>
    <xdr:to>
      <xdr:col>5</xdr:col>
      <xdr:colOff>8659</xdr:colOff>
      <xdr:row>37</xdr:row>
      <xdr:rowOff>17318</xdr:rowOff>
    </xdr:to>
    <xdr:graphicFrame macro="">
      <xdr:nvGraphicFramePr>
        <xdr:cNvPr id="4" name="グラフ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9527</xdr:colOff>
      <xdr:row>27</xdr:row>
      <xdr:rowOff>866</xdr:rowOff>
    </xdr:from>
    <xdr:to>
      <xdr:col>11</xdr:col>
      <xdr:colOff>8659</xdr:colOff>
      <xdr:row>37</xdr:row>
      <xdr:rowOff>0</xdr:rowOff>
    </xdr:to>
    <xdr:graphicFrame macro="">
      <xdr:nvGraphicFramePr>
        <xdr:cNvPr id="5" name="グラフ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33426</xdr:colOff>
      <xdr:row>7</xdr:row>
      <xdr:rowOff>285750</xdr:rowOff>
    </xdr:from>
    <xdr:to>
      <xdr:col>8</xdr:col>
      <xdr:colOff>447676</xdr:colOff>
      <xdr:row>8</xdr:row>
      <xdr:rowOff>114300</xdr:rowOff>
    </xdr:to>
    <xdr:sp macro="" textlink="">
      <xdr:nvSpPr>
        <xdr:cNvPr id="3" name="正方形/長方形 2"/>
        <xdr:cNvSpPr/>
      </xdr:nvSpPr>
      <xdr:spPr>
        <a:xfrm>
          <a:off x="733426" y="3324225"/>
          <a:ext cx="7505700" cy="209550"/>
        </a:xfrm>
        <a:prstGeom prst="rect">
          <a:avLst/>
        </a:prstGeom>
        <a:pattFill prst="ltUpDiag">
          <a:fgClr>
            <a:schemeClr val="accent1"/>
          </a:fgClr>
          <a:bgClr>
            <a:schemeClr val="bg1"/>
          </a:bgClr>
        </a:patt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409574</xdr:colOff>
      <xdr:row>7</xdr:row>
      <xdr:rowOff>19049</xdr:rowOff>
    </xdr:from>
    <xdr:to>
      <xdr:col>8</xdr:col>
      <xdr:colOff>638175</xdr:colOff>
      <xdr:row>8</xdr:row>
      <xdr:rowOff>123825</xdr:rowOff>
    </xdr:to>
    <xdr:sp macro="" textlink="">
      <xdr:nvSpPr>
        <xdr:cNvPr id="4" name="正方形/長方形 3"/>
        <xdr:cNvSpPr/>
      </xdr:nvSpPr>
      <xdr:spPr>
        <a:xfrm>
          <a:off x="8201024" y="3057524"/>
          <a:ext cx="228601" cy="485776"/>
        </a:xfrm>
        <a:prstGeom prst="rect">
          <a:avLst/>
        </a:prstGeom>
        <a:pattFill prst="ltUpDiag">
          <a:fgClr>
            <a:schemeClr val="accent1"/>
          </a:fgClr>
          <a:bgClr>
            <a:schemeClr val="bg1"/>
          </a:bgClr>
        </a:patt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438150</xdr:colOff>
      <xdr:row>7</xdr:row>
      <xdr:rowOff>285751</xdr:rowOff>
    </xdr:from>
    <xdr:to>
      <xdr:col>0</xdr:col>
      <xdr:colOff>847725</xdr:colOff>
      <xdr:row>9</xdr:row>
      <xdr:rowOff>28576</xdr:rowOff>
    </xdr:to>
    <xdr:sp macro="" textlink="">
      <xdr:nvSpPr>
        <xdr:cNvPr id="5" name="下矢印 4"/>
        <xdr:cNvSpPr/>
      </xdr:nvSpPr>
      <xdr:spPr>
        <a:xfrm>
          <a:off x="438150" y="3324226"/>
          <a:ext cx="409575" cy="609600"/>
        </a:xfrm>
        <a:prstGeom prst="downArrow">
          <a:avLst/>
        </a:prstGeom>
        <a:pattFill prst="ltUpDiag">
          <a:fgClr>
            <a:schemeClr val="accent1"/>
          </a:fgClr>
          <a:bgClr>
            <a:schemeClr val="bg1"/>
          </a:bgClr>
        </a:patt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907</xdr:colOff>
      <xdr:row>7</xdr:row>
      <xdr:rowOff>569114</xdr:rowOff>
    </xdr:from>
    <xdr:to>
      <xdr:col>5</xdr:col>
      <xdr:colOff>23813</xdr:colOff>
      <xdr:row>23</xdr:row>
      <xdr:rowOff>11905</xdr:rowOff>
    </xdr:to>
    <xdr:graphicFrame macro="">
      <xdr:nvGraphicFramePr>
        <xdr:cNvPr id="2" name="グラフ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5</xdr:col>
      <xdr:colOff>1095373</xdr:colOff>
      <xdr:row>8</xdr:row>
      <xdr:rowOff>9524</xdr:rowOff>
    </xdr:from>
    <xdr:to>
      <xdr:col>11</xdr:col>
      <xdr:colOff>23811</xdr:colOff>
      <xdr:row>23</xdr:row>
      <xdr:rowOff>11905</xdr:rowOff>
    </xdr:to>
    <xdr:graphicFrame macro="">
      <xdr:nvGraphicFramePr>
        <xdr:cNvPr id="4" name="グラフ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419100</xdr:colOff>
      <xdr:row>18</xdr:row>
      <xdr:rowOff>28575</xdr:rowOff>
    </xdr:from>
    <xdr:to>
      <xdr:col>1</xdr:col>
      <xdr:colOff>828675</xdr:colOff>
      <xdr:row>18</xdr:row>
      <xdr:rowOff>828675</xdr:rowOff>
    </xdr:to>
    <xdr:sp macro="" textlink="">
      <xdr:nvSpPr>
        <xdr:cNvPr id="2" name="下矢印 1"/>
        <xdr:cNvSpPr/>
      </xdr:nvSpPr>
      <xdr:spPr>
        <a:xfrm>
          <a:off x="981075" y="6886575"/>
          <a:ext cx="409575" cy="800100"/>
        </a:xfrm>
        <a:prstGeom prst="downArrow">
          <a:avLst/>
        </a:prstGeom>
        <a:pattFill prst="dkUpDiag">
          <a:fgClr>
            <a:schemeClr val="accent1"/>
          </a:fgClr>
          <a:bgClr>
            <a:schemeClr val="bg1"/>
          </a:bgClr>
        </a:patt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19125</xdr:colOff>
      <xdr:row>10</xdr:row>
      <xdr:rowOff>9525</xdr:rowOff>
    </xdr:from>
    <xdr:to>
      <xdr:col>0</xdr:col>
      <xdr:colOff>1028700</xdr:colOff>
      <xdr:row>11</xdr:row>
      <xdr:rowOff>57150</xdr:rowOff>
    </xdr:to>
    <xdr:sp macro="" textlink="">
      <xdr:nvSpPr>
        <xdr:cNvPr id="2" name="下矢印 1"/>
        <xdr:cNvSpPr/>
      </xdr:nvSpPr>
      <xdr:spPr>
        <a:xfrm>
          <a:off x="619125" y="3819525"/>
          <a:ext cx="409575" cy="800100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428625</xdr:colOff>
      <xdr:row>18</xdr:row>
      <xdr:rowOff>9525</xdr:rowOff>
    </xdr:from>
    <xdr:to>
      <xdr:col>1</xdr:col>
      <xdr:colOff>838200</xdr:colOff>
      <xdr:row>19</xdr:row>
      <xdr:rowOff>9525</xdr:rowOff>
    </xdr:to>
    <xdr:sp macro="" textlink="">
      <xdr:nvSpPr>
        <xdr:cNvPr id="2" name="下矢印 1"/>
        <xdr:cNvSpPr/>
      </xdr:nvSpPr>
      <xdr:spPr>
        <a:xfrm>
          <a:off x="990600" y="6867525"/>
          <a:ext cx="409575" cy="800100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5325</xdr:colOff>
      <xdr:row>10</xdr:row>
      <xdr:rowOff>9525</xdr:rowOff>
    </xdr:from>
    <xdr:to>
      <xdr:col>0</xdr:col>
      <xdr:colOff>1104900</xdr:colOff>
      <xdr:row>10</xdr:row>
      <xdr:rowOff>809625</xdr:rowOff>
    </xdr:to>
    <xdr:sp macro="" textlink="">
      <xdr:nvSpPr>
        <xdr:cNvPr id="2" name="下矢印 1"/>
        <xdr:cNvSpPr/>
      </xdr:nvSpPr>
      <xdr:spPr>
        <a:xfrm>
          <a:off x="695325" y="3819525"/>
          <a:ext cx="409575" cy="800100"/>
        </a:xfrm>
        <a:prstGeom prst="downArrow">
          <a:avLst/>
        </a:prstGeom>
        <a:pattFill prst="dkUpDiag">
          <a:fgClr>
            <a:srgbClr val="5B9BD5"/>
          </a:fgClr>
          <a:bgClr>
            <a:sysClr val="window" lastClr="FFFFFF"/>
          </a:bgClr>
        </a:pattFill>
        <a:ln w="12700" cap="flat" cmpd="sng" algn="ctr">
          <a:noFill/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G43"/>
  <sheetViews>
    <sheetView tabSelected="1" view="pageBreakPreview" zoomScale="110" zoomScaleNormal="100" zoomScaleSheetLayoutView="110" workbookViewId="0">
      <selection activeCell="G3" sqref="G3"/>
    </sheetView>
  </sheetViews>
  <sheetFormatPr defaultRowHeight="14.25" x14ac:dyDescent="0.15"/>
  <cols>
    <col min="1" max="12" width="10.625" style="114" customWidth="1"/>
    <col min="13" max="16384" width="9" style="114"/>
  </cols>
  <sheetData>
    <row r="1" spans="1:7" ht="24.95" customHeight="1" thickBot="1" x14ac:dyDescent="0.2">
      <c r="A1" s="115" t="s">
        <v>117</v>
      </c>
    </row>
    <row r="2" spans="1:7" ht="24.95" customHeight="1" thickBot="1" x14ac:dyDescent="0.2">
      <c r="A2" s="143" t="s">
        <v>119</v>
      </c>
      <c r="B2" s="144" t="s">
        <v>140</v>
      </c>
      <c r="C2" s="145" t="s">
        <v>141</v>
      </c>
      <c r="D2" s="145" t="s">
        <v>142</v>
      </c>
      <c r="E2" s="145" t="s">
        <v>107</v>
      </c>
      <c r="F2" s="145" t="s">
        <v>82</v>
      </c>
      <c r="G2" s="146" t="s">
        <v>2</v>
      </c>
    </row>
    <row r="3" spans="1:7" ht="24.95" customHeight="1" thickTop="1" x14ac:dyDescent="0.15">
      <c r="A3" s="147" t="s">
        <v>49</v>
      </c>
      <c r="B3" s="148">
        <v>8.9285714285714288E-2</v>
      </c>
      <c r="C3" s="149">
        <v>0.71399999999999997</v>
      </c>
      <c r="D3" s="149">
        <v>8.9285714285714281E-3</v>
      </c>
      <c r="E3" s="149">
        <v>0.11607142857142858</v>
      </c>
      <c r="F3" s="149">
        <v>7.1428571428571425E-2</v>
      </c>
      <c r="G3" s="150">
        <v>1</v>
      </c>
    </row>
    <row r="4" spans="1:7" ht="24.95" customHeight="1" thickBot="1" x14ac:dyDescent="0.2">
      <c r="A4" s="151" t="s">
        <v>50</v>
      </c>
      <c r="B4" s="152">
        <v>0.1062992125984252</v>
      </c>
      <c r="C4" s="153">
        <v>0.17716535433070865</v>
      </c>
      <c r="D4" s="153">
        <v>2.3622047244094488E-2</v>
      </c>
      <c r="E4" s="153">
        <v>0.6692913385826772</v>
      </c>
      <c r="F4" s="153">
        <v>2.3622047244094488E-2</v>
      </c>
      <c r="G4" s="154">
        <v>1</v>
      </c>
    </row>
    <row r="5" spans="1:7" ht="24.95" customHeight="1" x14ac:dyDescent="0.15">
      <c r="A5" s="155"/>
      <c r="B5" s="156"/>
      <c r="C5" s="156"/>
      <c r="D5" s="156"/>
      <c r="E5" s="156"/>
      <c r="F5" s="156"/>
      <c r="G5" s="156"/>
    </row>
    <row r="6" spans="1:7" ht="24.95" customHeight="1" x14ac:dyDescent="0.15"/>
    <row r="7" spans="1:7" ht="24.95" customHeight="1" thickBot="1" x14ac:dyDescent="0.2">
      <c r="A7" s="115" t="s">
        <v>118</v>
      </c>
    </row>
    <row r="8" spans="1:7" ht="24.95" customHeight="1" thickBot="1" x14ac:dyDescent="0.2">
      <c r="A8" s="143" t="s">
        <v>119</v>
      </c>
      <c r="B8" s="144" t="s">
        <v>143</v>
      </c>
      <c r="C8" s="145" t="s">
        <v>144</v>
      </c>
      <c r="D8" s="145" t="s">
        <v>82</v>
      </c>
      <c r="E8" s="146" t="s">
        <v>2</v>
      </c>
    </row>
    <row r="9" spans="1:7" ht="24.95" customHeight="1" thickTop="1" x14ac:dyDescent="0.15">
      <c r="A9" s="147" t="s">
        <v>49</v>
      </c>
      <c r="B9" s="148">
        <v>0.20535714285714285</v>
      </c>
      <c r="C9" s="149">
        <v>0.6785714285714286</v>
      </c>
      <c r="D9" s="149">
        <v>0.11607142857142858</v>
      </c>
      <c r="E9" s="150">
        <v>1</v>
      </c>
    </row>
    <row r="10" spans="1:7" ht="24.95" customHeight="1" thickBot="1" x14ac:dyDescent="0.2">
      <c r="A10" s="151" t="s">
        <v>50</v>
      </c>
      <c r="B10" s="152">
        <v>0.8582677165354331</v>
      </c>
      <c r="C10" s="153">
        <v>0.11811023622047244</v>
      </c>
      <c r="D10" s="153">
        <v>2.3622047244094488E-2</v>
      </c>
      <c r="E10" s="154">
        <v>1</v>
      </c>
    </row>
    <row r="11" spans="1:7" ht="24.95" customHeight="1" x14ac:dyDescent="0.15">
      <c r="A11" s="155"/>
      <c r="B11" s="156"/>
      <c r="C11" s="156"/>
      <c r="D11" s="156"/>
      <c r="E11" s="156"/>
    </row>
    <row r="12" spans="1:7" ht="24.95" customHeight="1" x14ac:dyDescent="0.15">
      <c r="A12" s="155"/>
      <c r="B12" s="156"/>
      <c r="C12" s="156"/>
      <c r="D12" s="156"/>
      <c r="E12" s="156"/>
    </row>
    <row r="13" spans="1:7" ht="24.95" customHeight="1" x14ac:dyDescent="0.15">
      <c r="A13" s="155"/>
      <c r="B13" s="156"/>
      <c r="C13" s="156"/>
      <c r="D13" s="156"/>
      <c r="E13" s="156"/>
    </row>
    <row r="14" spans="1:7" ht="24.95" customHeight="1" x14ac:dyDescent="0.15"/>
    <row r="15" spans="1:7" ht="24.95" customHeight="1" x14ac:dyDescent="0.15"/>
    <row r="16" spans="1:7" ht="24.95" customHeight="1" x14ac:dyDescent="0.15"/>
    <row r="17" ht="24.95" customHeight="1" x14ac:dyDescent="0.15"/>
    <row r="18" ht="24.95" customHeight="1" x14ac:dyDescent="0.15"/>
    <row r="19" ht="24.95" customHeight="1" x14ac:dyDescent="0.15"/>
    <row r="20" ht="24.95" customHeight="1" x14ac:dyDescent="0.15"/>
    <row r="21" ht="24.95" customHeight="1" x14ac:dyDescent="0.15"/>
    <row r="22" ht="24.95" customHeight="1" x14ac:dyDescent="0.15"/>
    <row r="23" ht="24.95" customHeight="1" x14ac:dyDescent="0.15"/>
    <row r="24" ht="24.95" customHeight="1" x14ac:dyDescent="0.15"/>
    <row r="25" ht="24.95" customHeight="1" x14ac:dyDescent="0.15"/>
    <row r="26" ht="24.95" customHeight="1" x14ac:dyDescent="0.15"/>
    <row r="27" ht="24.95" customHeight="1" x14ac:dyDescent="0.15"/>
    <row r="28" ht="24.95" customHeight="1" x14ac:dyDescent="0.15"/>
    <row r="29" ht="24.95" customHeight="1" x14ac:dyDescent="0.15"/>
    <row r="30" ht="24.95" customHeight="1" x14ac:dyDescent="0.15"/>
    <row r="31" ht="24.95" customHeight="1" x14ac:dyDescent="0.15"/>
    <row r="32" ht="24.95" customHeight="1" x14ac:dyDescent="0.15"/>
    <row r="33" ht="24.95" customHeight="1" x14ac:dyDescent="0.15"/>
    <row r="34" ht="24.95" customHeight="1" x14ac:dyDescent="0.15"/>
    <row r="35" ht="24.95" customHeight="1" x14ac:dyDescent="0.15"/>
    <row r="36" ht="24.95" customHeight="1" x14ac:dyDescent="0.15"/>
    <row r="37" ht="24.95" customHeight="1" x14ac:dyDescent="0.15"/>
    <row r="38" ht="24.95" customHeight="1" x14ac:dyDescent="0.15"/>
    <row r="39" ht="24.95" customHeight="1" x14ac:dyDescent="0.15"/>
    <row r="40" ht="24.95" customHeight="1" x14ac:dyDescent="0.15"/>
    <row r="41" ht="24.95" customHeight="1" x14ac:dyDescent="0.15"/>
    <row r="42" ht="24.95" customHeight="1" x14ac:dyDescent="0.15"/>
    <row r="43" ht="24.95" customHeight="1" x14ac:dyDescent="0.15"/>
  </sheetData>
  <phoneticPr fontId="8"/>
  <pageMargins left="0.7" right="0.7" top="0.75" bottom="0.75" header="0.3" footer="0.3"/>
  <pageSetup paperSize="9" scale="70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G48"/>
  <sheetViews>
    <sheetView view="pageBreakPreview" zoomScale="60" zoomScaleNormal="100" workbookViewId="0">
      <selection activeCell="G8" sqref="G8"/>
    </sheetView>
  </sheetViews>
  <sheetFormatPr defaultRowHeight="17.25" x14ac:dyDescent="0.15"/>
  <cols>
    <col min="1" max="1" width="7.375" style="268" customWidth="1"/>
    <col min="2" max="2" width="37.5" style="268" customWidth="1"/>
    <col min="3" max="9" width="14.625" style="268" customWidth="1"/>
    <col min="10" max="10" width="10.625" style="268" customWidth="1"/>
    <col min="11" max="16384" width="9" style="268"/>
  </cols>
  <sheetData>
    <row r="1" spans="1:5" ht="30" customHeight="1" x14ac:dyDescent="0.15">
      <c r="A1" s="267" t="s">
        <v>122</v>
      </c>
      <c r="C1" s="269" t="s">
        <v>116</v>
      </c>
    </row>
    <row r="2" spans="1:5" ht="30" customHeight="1" x14ac:dyDescent="0.15">
      <c r="A2" s="386" t="s">
        <v>214</v>
      </c>
      <c r="B2" s="386"/>
      <c r="C2" s="386"/>
      <c r="D2" s="386"/>
      <c r="E2" s="281" t="s">
        <v>215</v>
      </c>
    </row>
    <row r="3" spans="1:5" s="270" customFormat="1" ht="30" customHeight="1" x14ac:dyDescent="0.15">
      <c r="B3" s="271" t="s">
        <v>88</v>
      </c>
      <c r="C3" s="271" t="s">
        <v>198</v>
      </c>
      <c r="D3" s="271" t="s">
        <v>89</v>
      </c>
      <c r="E3" s="272" t="s">
        <v>205</v>
      </c>
    </row>
    <row r="4" spans="1:5" ht="30" customHeight="1" x14ac:dyDescent="0.15">
      <c r="B4" s="275" t="s">
        <v>90</v>
      </c>
      <c r="C4" s="275">
        <v>66</v>
      </c>
      <c r="D4" s="284">
        <v>0.25984251968503935</v>
      </c>
      <c r="E4" s="275">
        <v>105</v>
      </c>
    </row>
    <row r="5" spans="1:5" ht="30" customHeight="1" x14ac:dyDescent="0.15">
      <c r="B5" s="289" t="s">
        <v>91</v>
      </c>
      <c r="C5" s="289">
        <v>63</v>
      </c>
      <c r="D5" s="291">
        <v>0.24803149606299213</v>
      </c>
      <c r="E5" s="387">
        <v>44</v>
      </c>
    </row>
    <row r="6" spans="1:5" ht="30" customHeight="1" x14ac:dyDescent="0.15">
      <c r="B6" s="276" t="s">
        <v>216</v>
      </c>
      <c r="C6" s="276">
        <v>57</v>
      </c>
      <c r="D6" s="285">
        <v>0.22440944881889763</v>
      </c>
      <c r="E6" s="388"/>
    </row>
    <row r="7" spans="1:5" ht="30" customHeight="1" x14ac:dyDescent="0.15">
      <c r="B7" s="278" t="s">
        <v>217</v>
      </c>
      <c r="C7" s="278">
        <v>14</v>
      </c>
      <c r="D7" s="286">
        <v>5.5118110236220472E-2</v>
      </c>
      <c r="E7" s="389"/>
    </row>
    <row r="8" spans="1:5" ht="30" customHeight="1" x14ac:dyDescent="0.15">
      <c r="B8" s="278" t="s">
        <v>108</v>
      </c>
      <c r="C8" s="278">
        <v>133</v>
      </c>
      <c r="D8" s="287">
        <v>0.52362204724409445</v>
      </c>
      <c r="E8" s="278">
        <v>216</v>
      </c>
    </row>
    <row r="9" spans="1:5" ht="30" customHeight="1" x14ac:dyDescent="0.15">
      <c r="B9" s="273" t="s">
        <v>92</v>
      </c>
      <c r="C9" s="273">
        <v>54</v>
      </c>
      <c r="D9" s="274">
        <v>0.2125984251968504</v>
      </c>
      <c r="E9" s="271" t="s">
        <v>218</v>
      </c>
    </row>
    <row r="10" spans="1:5" ht="30" customHeight="1" x14ac:dyDescent="0.15">
      <c r="B10" s="273" t="s">
        <v>93</v>
      </c>
      <c r="C10" s="273">
        <v>29</v>
      </c>
      <c r="D10" s="274">
        <v>0.1141732283464567</v>
      </c>
      <c r="E10" s="271" t="s">
        <v>208</v>
      </c>
    </row>
    <row r="11" spans="1:5" ht="30" customHeight="1" x14ac:dyDescent="0.15"/>
    <row r="12" spans="1:5" ht="30" customHeight="1" x14ac:dyDescent="0.15">
      <c r="A12" s="386" t="s">
        <v>219</v>
      </c>
      <c r="B12" s="386"/>
      <c r="C12" s="280" t="s">
        <v>220</v>
      </c>
      <c r="D12" s="281">
        <v>133</v>
      </c>
    </row>
    <row r="13" spans="1:5" s="270" customFormat="1" ht="30" customHeight="1" x14ac:dyDescent="0.15">
      <c r="B13" s="271" t="s">
        <v>88</v>
      </c>
      <c r="C13" s="271" t="s">
        <v>76</v>
      </c>
    </row>
    <row r="14" spans="1:5" ht="30" customHeight="1" x14ac:dyDescent="0.15">
      <c r="B14" s="273" t="s">
        <v>94</v>
      </c>
      <c r="C14" s="273">
        <v>50</v>
      </c>
    </row>
    <row r="15" spans="1:5" ht="30" customHeight="1" x14ac:dyDescent="0.15">
      <c r="B15" s="273" t="s">
        <v>95</v>
      </c>
      <c r="C15" s="273">
        <v>53</v>
      </c>
    </row>
    <row r="16" spans="1:5" ht="30" customHeight="1" x14ac:dyDescent="0.15">
      <c r="B16" s="273" t="s">
        <v>96</v>
      </c>
      <c r="C16" s="273">
        <v>61</v>
      </c>
    </row>
    <row r="17" spans="1:7" ht="30" customHeight="1" x14ac:dyDescent="0.15">
      <c r="B17" s="273" t="s">
        <v>97</v>
      </c>
      <c r="C17" s="273">
        <v>4</v>
      </c>
    </row>
    <row r="18" spans="1:7" ht="30" customHeight="1" x14ac:dyDescent="0.15">
      <c r="B18" s="273" t="s">
        <v>98</v>
      </c>
      <c r="C18" s="273">
        <v>27</v>
      </c>
    </row>
    <row r="19" spans="1:7" ht="63" customHeight="1" x14ac:dyDescent="0.15"/>
    <row r="20" spans="1:7" ht="30" customHeight="1" x14ac:dyDescent="0.15">
      <c r="A20" s="386" t="s">
        <v>221</v>
      </c>
      <c r="B20" s="386"/>
      <c r="C20" s="268" t="s">
        <v>222</v>
      </c>
    </row>
    <row r="21" spans="1:7" ht="30" customHeight="1" x14ac:dyDescent="0.15">
      <c r="B21" s="185" t="s">
        <v>135</v>
      </c>
      <c r="C21" s="69"/>
      <c r="D21" s="69"/>
      <c r="E21" s="69"/>
      <c r="F21" s="69"/>
      <c r="G21" s="69"/>
    </row>
    <row r="22" spans="1:7" ht="30" customHeight="1" x14ac:dyDescent="0.15">
      <c r="B22" s="288" t="s">
        <v>131</v>
      </c>
      <c r="C22" s="69"/>
      <c r="E22" s="69"/>
      <c r="F22" s="69"/>
      <c r="G22" s="69"/>
    </row>
    <row r="23" spans="1:7" ht="30" customHeight="1" x14ac:dyDescent="0.15">
      <c r="B23" s="273" t="s">
        <v>9</v>
      </c>
      <c r="C23" s="69"/>
      <c r="D23" s="69"/>
      <c r="E23" s="69"/>
      <c r="F23" s="69"/>
      <c r="G23" s="69"/>
    </row>
    <row r="24" spans="1:7" ht="30" customHeight="1" x14ac:dyDescent="0.15">
      <c r="B24" s="273" t="s">
        <v>4</v>
      </c>
      <c r="C24" s="69"/>
      <c r="D24" s="69"/>
      <c r="E24" s="69"/>
      <c r="F24" s="69"/>
      <c r="G24" s="69"/>
    </row>
    <row r="25" spans="1:7" ht="30" customHeight="1" x14ac:dyDescent="0.15">
      <c r="B25" s="288" t="s">
        <v>136</v>
      </c>
      <c r="C25" s="69"/>
      <c r="D25" s="69"/>
      <c r="E25" s="69"/>
      <c r="F25" s="69"/>
      <c r="G25" s="69"/>
    </row>
    <row r="26" spans="1:7" ht="30" customHeight="1" x14ac:dyDescent="0.15">
      <c r="B26" s="273" t="s">
        <v>13</v>
      </c>
      <c r="C26" s="69"/>
      <c r="D26" s="69"/>
      <c r="E26" s="69"/>
      <c r="F26" s="69"/>
      <c r="G26" s="69"/>
    </row>
    <row r="27" spans="1:7" ht="39.75" customHeight="1" x14ac:dyDescent="0.15">
      <c r="C27"/>
      <c r="D27"/>
      <c r="E27"/>
      <c r="F27"/>
      <c r="G27"/>
    </row>
    <row r="28" spans="1:7" ht="20.100000000000001" customHeight="1" x14ac:dyDescent="0.15">
      <c r="B28"/>
      <c r="C28"/>
      <c r="D28"/>
      <c r="E28"/>
      <c r="F28"/>
    </row>
    <row r="29" spans="1:7" ht="20.100000000000001" customHeight="1" x14ac:dyDescent="0.15">
      <c r="B29"/>
      <c r="C29"/>
      <c r="D29"/>
      <c r="E29"/>
      <c r="F29"/>
    </row>
    <row r="30" spans="1:7" ht="20.100000000000001" customHeight="1" x14ac:dyDescent="0.15">
      <c r="B30"/>
      <c r="C30"/>
      <c r="D30"/>
      <c r="E30"/>
      <c r="F30"/>
    </row>
    <row r="31" spans="1:7" ht="20.100000000000001" customHeight="1" x14ac:dyDescent="0.15">
      <c r="B31"/>
      <c r="C31"/>
      <c r="D31"/>
      <c r="E31"/>
      <c r="F31"/>
    </row>
    <row r="32" spans="1:7" ht="20.100000000000001" customHeight="1" x14ac:dyDescent="0.15">
      <c r="B32"/>
      <c r="C32"/>
      <c r="D32"/>
      <c r="E32"/>
      <c r="F32"/>
    </row>
    <row r="33" spans="2:6" ht="20.100000000000001" customHeight="1" x14ac:dyDescent="0.15">
      <c r="B33"/>
      <c r="C33"/>
      <c r="D33"/>
      <c r="E33"/>
      <c r="F33"/>
    </row>
    <row r="34" spans="2:6" ht="20.100000000000001" customHeight="1" x14ac:dyDescent="0.15">
      <c r="B34"/>
      <c r="C34"/>
      <c r="D34"/>
      <c r="E34"/>
      <c r="F34"/>
    </row>
    <row r="35" spans="2:6" ht="20.100000000000001" customHeight="1" x14ac:dyDescent="0.15">
      <c r="B35"/>
      <c r="C35"/>
      <c r="D35"/>
      <c r="E35"/>
      <c r="F35"/>
    </row>
    <row r="36" spans="2:6" ht="20.100000000000001" customHeight="1" x14ac:dyDescent="0.15"/>
    <row r="37" spans="2:6" ht="20.100000000000001" customHeight="1" x14ac:dyDescent="0.15"/>
    <row r="38" spans="2:6" ht="20.100000000000001" customHeight="1" x14ac:dyDescent="0.15"/>
    <row r="39" spans="2:6" ht="20.100000000000001" customHeight="1" x14ac:dyDescent="0.15"/>
    <row r="40" spans="2:6" ht="20.100000000000001" customHeight="1" x14ac:dyDescent="0.15"/>
    <row r="41" spans="2:6" ht="20.100000000000001" customHeight="1" x14ac:dyDescent="0.15"/>
    <row r="42" spans="2:6" ht="20.100000000000001" customHeight="1" x14ac:dyDescent="0.15"/>
    <row r="43" spans="2:6" ht="20.100000000000001" customHeight="1" x14ac:dyDescent="0.15"/>
    <row r="44" spans="2:6" ht="20.100000000000001" customHeight="1" x14ac:dyDescent="0.15"/>
    <row r="45" spans="2:6" ht="20.100000000000001" customHeight="1" x14ac:dyDescent="0.15"/>
    <row r="46" spans="2:6" ht="20.100000000000001" customHeight="1" x14ac:dyDescent="0.15"/>
    <row r="47" spans="2:6" ht="20.100000000000001" customHeight="1" x14ac:dyDescent="0.15"/>
    <row r="48" spans="2:6" ht="20.100000000000001" customHeight="1" x14ac:dyDescent="0.15"/>
  </sheetData>
  <mergeCells count="4">
    <mergeCell ref="A2:D2"/>
    <mergeCell ref="E5:E7"/>
    <mergeCell ref="A12:B12"/>
    <mergeCell ref="A20:B20"/>
  </mergeCells>
  <phoneticPr fontId="8"/>
  <printOptions horizontalCentered="1"/>
  <pageMargins left="0.70866141732283472" right="0.70866141732283472" top="0.74803149606299213" bottom="0.74803149606299213" header="0.31496062992125984" footer="0.31496062992125984"/>
  <pageSetup paperSize="9" scale="10" orientation="portrait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D32"/>
  <sheetViews>
    <sheetView view="pageBreakPreview" zoomScale="60" zoomScaleNormal="100" workbookViewId="0">
      <selection activeCell="D10" sqref="D10"/>
    </sheetView>
  </sheetViews>
  <sheetFormatPr defaultRowHeight="17.25" x14ac:dyDescent="0.15"/>
  <cols>
    <col min="1" max="1" width="44.75" style="260" bestFit="1" customWidth="1"/>
    <col min="2" max="2" width="14.625" style="260" customWidth="1"/>
    <col min="3" max="3" width="9" style="260"/>
    <col min="4" max="4" width="18.125" style="260" customWidth="1"/>
    <col min="5" max="5" width="12.75" style="260" customWidth="1"/>
    <col min="6" max="16384" width="9" style="260"/>
  </cols>
  <sheetData>
    <row r="1" spans="1:4" ht="30" customHeight="1" x14ac:dyDescent="0.15">
      <c r="A1" s="259"/>
      <c r="B1" s="259"/>
      <c r="C1" s="260" t="s">
        <v>116</v>
      </c>
    </row>
    <row r="2" spans="1:4" ht="30" customHeight="1" x14ac:dyDescent="0.15">
      <c r="A2" s="260" t="s">
        <v>201</v>
      </c>
      <c r="B2" s="266"/>
    </row>
    <row r="3" spans="1:4" ht="30" customHeight="1" x14ac:dyDescent="0.15">
      <c r="A3" s="262" t="s">
        <v>99</v>
      </c>
      <c r="B3" s="262" t="s">
        <v>100</v>
      </c>
      <c r="C3" s="261"/>
    </row>
    <row r="4" spans="1:4" ht="30" customHeight="1" x14ac:dyDescent="0.15">
      <c r="A4" s="263" t="s">
        <v>101</v>
      </c>
      <c r="B4" s="263">
        <v>45</v>
      </c>
    </row>
    <row r="5" spans="1:4" ht="30" customHeight="1" x14ac:dyDescent="0.15">
      <c r="A5" s="263" t="s">
        <v>102</v>
      </c>
      <c r="B5" s="263">
        <v>40</v>
      </c>
    </row>
    <row r="6" spans="1:4" ht="30" customHeight="1" x14ac:dyDescent="0.15">
      <c r="A6" s="263" t="s">
        <v>103</v>
      </c>
      <c r="B6" s="263">
        <v>14</v>
      </c>
    </row>
    <row r="7" spans="1:4" ht="30" customHeight="1" x14ac:dyDescent="0.15">
      <c r="A7" s="263" t="s">
        <v>104</v>
      </c>
      <c r="B7" s="263">
        <v>4</v>
      </c>
    </row>
    <row r="8" spans="1:4" ht="30" customHeight="1" x14ac:dyDescent="0.15">
      <c r="A8" s="263" t="s">
        <v>105</v>
      </c>
      <c r="B8" s="263">
        <v>46</v>
      </c>
    </row>
    <row r="9" spans="1:4" ht="30" customHeight="1" x14ac:dyDescent="0.15">
      <c r="A9" s="263" t="s">
        <v>106</v>
      </c>
      <c r="B9" s="263">
        <v>50</v>
      </c>
    </row>
    <row r="10" spans="1:4" ht="30" customHeight="1" x14ac:dyDescent="0.15">
      <c r="A10" s="263" t="s">
        <v>107</v>
      </c>
      <c r="B10" s="263">
        <v>11</v>
      </c>
    </row>
    <row r="11" spans="1:4" ht="65.25" customHeight="1" x14ac:dyDescent="0.15"/>
    <row r="12" spans="1:4" ht="30" customHeight="1" x14ac:dyDescent="0.15">
      <c r="A12" s="264" t="s">
        <v>199</v>
      </c>
      <c r="B12" s="260" t="s">
        <v>202</v>
      </c>
    </row>
    <row r="13" spans="1:4" ht="24.95" customHeight="1" x14ac:dyDescent="0.15">
      <c r="A13" s="390" t="s">
        <v>137</v>
      </c>
      <c r="B13" s="390"/>
      <c r="C13" s="390"/>
      <c r="D13" s="390"/>
    </row>
    <row r="14" spans="1:4" ht="24.95" customHeight="1" x14ac:dyDescent="0.15">
      <c r="A14" s="390" t="s">
        <v>11</v>
      </c>
      <c r="B14" s="390"/>
      <c r="C14" s="390"/>
      <c r="D14" s="390"/>
    </row>
    <row r="15" spans="1:4" ht="24.95" customHeight="1" x14ac:dyDescent="0.15">
      <c r="A15" s="391" t="s">
        <v>139</v>
      </c>
      <c r="B15" s="391"/>
      <c r="C15" s="391"/>
      <c r="D15" s="391"/>
    </row>
    <row r="16" spans="1:4" ht="24.95" customHeight="1" x14ac:dyDescent="0.15">
      <c r="A16" s="390" t="s">
        <v>133</v>
      </c>
      <c r="B16" s="390"/>
      <c r="C16" s="390"/>
      <c r="D16" s="390"/>
    </row>
    <row r="17" spans="1:4" ht="24.95" customHeight="1" x14ac:dyDescent="0.15">
      <c r="A17" s="390" t="s">
        <v>10</v>
      </c>
      <c r="B17" s="390"/>
      <c r="C17" s="390"/>
      <c r="D17" s="390"/>
    </row>
    <row r="18" spans="1:4" ht="24.95" customHeight="1" x14ac:dyDescent="0.15">
      <c r="A18" s="390" t="s">
        <v>138</v>
      </c>
      <c r="B18" s="390"/>
      <c r="C18" s="390"/>
      <c r="D18" s="390"/>
    </row>
    <row r="19" spans="1:4" ht="20.100000000000001" customHeight="1" x14ac:dyDescent="0.15"/>
    <row r="20" spans="1:4" ht="20.100000000000001" customHeight="1" x14ac:dyDescent="0.15"/>
    <row r="21" spans="1:4" ht="20.100000000000001" customHeight="1" x14ac:dyDescent="0.15"/>
    <row r="22" spans="1:4" ht="20.100000000000001" customHeight="1" x14ac:dyDescent="0.15"/>
    <row r="23" spans="1:4" ht="20.100000000000001" customHeight="1" x14ac:dyDescent="0.15"/>
    <row r="24" spans="1:4" ht="20.100000000000001" customHeight="1" x14ac:dyDescent="0.15"/>
    <row r="25" spans="1:4" ht="20.100000000000001" customHeight="1" x14ac:dyDescent="0.15"/>
    <row r="26" spans="1:4" ht="20.100000000000001" customHeight="1" x14ac:dyDescent="0.15"/>
    <row r="27" spans="1:4" ht="20.100000000000001" customHeight="1" x14ac:dyDescent="0.15"/>
    <row r="28" spans="1:4" ht="20.100000000000001" customHeight="1" x14ac:dyDescent="0.15"/>
    <row r="29" spans="1:4" ht="20.100000000000001" customHeight="1" x14ac:dyDescent="0.15"/>
    <row r="30" spans="1:4" ht="20.100000000000001" customHeight="1" x14ac:dyDescent="0.15"/>
    <row r="31" spans="1:4" ht="20.100000000000001" customHeight="1" x14ac:dyDescent="0.15"/>
    <row r="32" spans="1:4" ht="20.100000000000001" customHeight="1" x14ac:dyDescent="0.15"/>
  </sheetData>
  <mergeCells count="6">
    <mergeCell ref="A18:D18"/>
    <mergeCell ref="A13:D13"/>
    <mergeCell ref="A14:D14"/>
    <mergeCell ref="A15:D15"/>
    <mergeCell ref="A16:D16"/>
    <mergeCell ref="A17:D17"/>
  </mergeCells>
  <phoneticPr fontId="8"/>
  <printOptions horizontalCentered="1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R56"/>
  <sheetViews>
    <sheetView view="pageBreakPreview" zoomScale="60" zoomScaleNormal="70" workbookViewId="0">
      <selection activeCell="D1" sqref="D1"/>
    </sheetView>
  </sheetViews>
  <sheetFormatPr defaultRowHeight="17.25" x14ac:dyDescent="0.15"/>
  <cols>
    <col min="1" max="1" width="9" style="186"/>
    <col min="2" max="2" width="16.625" style="218" customWidth="1"/>
    <col min="3" max="3" width="8.625" style="218" customWidth="1"/>
    <col min="4" max="18" width="12.625" style="186" customWidth="1"/>
    <col min="19" max="16384" width="9" style="186"/>
  </cols>
  <sheetData>
    <row r="1" spans="1:18" ht="35.1" customHeight="1" x14ac:dyDescent="0.15">
      <c r="B1" s="187" t="s">
        <v>24</v>
      </c>
      <c r="C1" s="187"/>
    </row>
    <row r="2" spans="1:18" ht="35.1" customHeight="1" x14ac:dyDescent="0.15">
      <c r="B2" s="188" t="s">
        <v>25</v>
      </c>
      <c r="C2" s="188"/>
    </row>
    <row r="3" spans="1:18" ht="35.1" customHeight="1" thickBot="1" x14ac:dyDescent="0.2">
      <c r="B3" s="189" t="s">
        <v>26</v>
      </c>
      <c r="C3" s="189"/>
      <c r="G3" s="186" t="s">
        <v>27</v>
      </c>
    </row>
    <row r="4" spans="1:18" ht="35.1" customHeight="1" thickBot="1" x14ac:dyDescent="0.2">
      <c r="A4" s="292"/>
      <c r="B4" s="293" t="s">
        <v>1</v>
      </c>
      <c r="C4" s="295" t="s">
        <v>124</v>
      </c>
      <c r="D4" s="297" t="s">
        <v>28</v>
      </c>
      <c r="E4" s="298"/>
      <c r="F4" s="298"/>
      <c r="G4" s="298"/>
      <c r="H4" s="299"/>
      <c r="I4" s="297" t="s">
        <v>29</v>
      </c>
      <c r="J4" s="298"/>
      <c r="K4" s="298"/>
      <c r="L4" s="298"/>
      <c r="M4" s="299"/>
      <c r="N4" s="297" t="s">
        <v>30</v>
      </c>
      <c r="O4" s="298"/>
      <c r="P4" s="298"/>
      <c r="Q4" s="298"/>
      <c r="R4" s="299"/>
    </row>
    <row r="5" spans="1:18" ht="60" customHeight="1" thickBot="1" x14ac:dyDescent="0.2">
      <c r="A5" s="292"/>
      <c r="B5" s="294"/>
      <c r="C5" s="296"/>
      <c r="D5" s="190" t="s">
        <v>31</v>
      </c>
      <c r="E5" s="191" t="s">
        <v>32</v>
      </c>
      <c r="F5" s="191" t="s">
        <v>33</v>
      </c>
      <c r="G5" s="191" t="s">
        <v>34</v>
      </c>
      <c r="H5" s="192" t="s">
        <v>35</v>
      </c>
      <c r="I5" s="190" t="s">
        <v>31</v>
      </c>
      <c r="J5" s="191" t="s">
        <v>32</v>
      </c>
      <c r="K5" s="191" t="s">
        <v>33</v>
      </c>
      <c r="L5" s="191" t="s">
        <v>34</v>
      </c>
      <c r="M5" s="192" t="s">
        <v>36</v>
      </c>
      <c r="N5" s="190" t="s">
        <v>31</v>
      </c>
      <c r="O5" s="191" t="s">
        <v>32</v>
      </c>
      <c r="P5" s="191" t="s">
        <v>33</v>
      </c>
      <c r="Q5" s="191" t="s">
        <v>34</v>
      </c>
      <c r="R5" s="192" t="s">
        <v>36</v>
      </c>
    </row>
    <row r="6" spans="1:18" ht="35.1" customHeight="1" thickBot="1" x14ac:dyDescent="0.2">
      <c r="A6" s="292" t="s">
        <v>49</v>
      </c>
      <c r="B6" s="193" t="s">
        <v>45</v>
      </c>
      <c r="C6" s="194">
        <v>5</v>
      </c>
      <c r="D6" s="75">
        <v>25</v>
      </c>
      <c r="E6" s="195">
        <v>24</v>
      </c>
      <c r="F6" s="196">
        <v>24.5</v>
      </c>
      <c r="G6" s="195">
        <v>7</v>
      </c>
      <c r="H6" s="197">
        <v>0.2857142857142857</v>
      </c>
      <c r="I6" s="75">
        <v>12</v>
      </c>
      <c r="J6" s="195">
        <v>12</v>
      </c>
      <c r="K6" s="196">
        <v>12</v>
      </c>
      <c r="L6" s="195">
        <v>4</v>
      </c>
      <c r="M6" s="197">
        <v>0.33333333333333331</v>
      </c>
      <c r="N6" s="75">
        <v>13</v>
      </c>
      <c r="O6" s="195">
        <v>12</v>
      </c>
      <c r="P6" s="196">
        <v>12.5</v>
      </c>
      <c r="Q6" s="195">
        <v>3</v>
      </c>
      <c r="R6" s="197">
        <v>0.24</v>
      </c>
    </row>
    <row r="7" spans="1:18" ht="35.1" customHeight="1" thickBot="1" x14ac:dyDescent="0.2">
      <c r="A7" s="292"/>
      <c r="B7" s="198" t="s">
        <v>22</v>
      </c>
      <c r="C7" s="199">
        <v>23</v>
      </c>
      <c r="D7" s="76">
        <v>259</v>
      </c>
      <c r="E7" s="200">
        <v>253</v>
      </c>
      <c r="F7" s="196">
        <v>256</v>
      </c>
      <c r="G7" s="200">
        <v>43</v>
      </c>
      <c r="H7" s="197">
        <v>0.16796875</v>
      </c>
      <c r="I7" s="76">
        <v>160</v>
      </c>
      <c r="J7" s="200">
        <v>151</v>
      </c>
      <c r="K7" s="196">
        <v>155.5</v>
      </c>
      <c r="L7" s="200">
        <v>29</v>
      </c>
      <c r="M7" s="197">
        <v>0.18649517684887459</v>
      </c>
      <c r="N7" s="76">
        <v>99</v>
      </c>
      <c r="O7" s="200">
        <v>102</v>
      </c>
      <c r="P7" s="196">
        <v>100.5</v>
      </c>
      <c r="Q7" s="200">
        <v>14</v>
      </c>
      <c r="R7" s="197">
        <v>0.13930348258706468</v>
      </c>
    </row>
    <row r="8" spans="1:18" ht="35.1" customHeight="1" thickBot="1" x14ac:dyDescent="0.2">
      <c r="A8" s="292"/>
      <c r="B8" s="198" t="s">
        <v>125</v>
      </c>
      <c r="C8" s="199">
        <v>69</v>
      </c>
      <c r="D8" s="76">
        <v>986</v>
      </c>
      <c r="E8" s="200">
        <v>1067</v>
      </c>
      <c r="F8" s="196">
        <v>1026.5</v>
      </c>
      <c r="G8" s="200">
        <v>188</v>
      </c>
      <c r="H8" s="197">
        <v>0.18314661471018023</v>
      </c>
      <c r="I8" s="76">
        <v>501</v>
      </c>
      <c r="J8" s="200">
        <v>535</v>
      </c>
      <c r="K8" s="196">
        <v>518</v>
      </c>
      <c r="L8" s="200">
        <v>81</v>
      </c>
      <c r="M8" s="197">
        <v>0.15637065637065636</v>
      </c>
      <c r="N8" s="76">
        <v>485</v>
      </c>
      <c r="O8" s="200">
        <v>532</v>
      </c>
      <c r="P8" s="196">
        <v>508.5</v>
      </c>
      <c r="Q8" s="200">
        <v>107</v>
      </c>
      <c r="R8" s="197">
        <v>0.21042281219272368</v>
      </c>
    </row>
    <row r="9" spans="1:18" ht="35.1" customHeight="1" thickBot="1" x14ac:dyDescent="0.2">
      <c r="A9" s="292"/>
      <c r="B9" s="198" t="s">
        <v>47</v>
      </c>
      <c r="C9" s="199">
        <v>15</v>
      </c>
      <c r="D9" s="76">
        <v>323</v>
      </c>
      <c r="E9" s="200">
        <v>336</v>
      </c>
      <c r="F9" s="196">
        <v>329.5</v>
      </c>
      <c r="G9" s="200">
        <v>90</v>
      </c>
      <c r="H9" s="197">
        <v>0.27314112291350529</v>
      </c>
      <c r="I9" s="76">
        <v>152</v>
      </c>
      <c r="J9" s="200">
        <v>158</v>
      </c>
      <c r="K9" s="196">
        <v>155</v>
      </c>
      <c r="L9" s="200">
        <v>32</v>
      </c>
      <c r="M9" s="197">
        <v>0.20645161290322581</v>
      </c>
      <c r="N9" s="76">
        <v>171</v>
      </c>
      <c r="O9" s="200">
        <v>178</v>
      </c>
      <c r="P9" s="196">
        <v>174.5</v>
      </c>
      <c r="Q9" s="200">
        <v>58</v>
      </c>
      <c r="R9" s="197">
        <v>0.33237822349570201</v>
      </c>
    </row>
    <row r="10" spans="1:18" ht="35.1" customHeight="1" thickBot="1" x14ac:dyDescent="0.2">
      <c r="A10" s="292"/>
      <c r="B10" s="201" t="s">
        <v>48</v>
      </c>
      <c r="C10" s="202">
        <v>0</v>
      </c>
      <c r="D10" s="77">
        <v>0</v>
      </c>
      <c r="E10" s="203">
        <v>0</v>
      </c>
      <c r="F10" s="204">
        <v>0</v>
      </c>
      <c r="G10" s="203">
        <v>0</v>
      </c>
      <c r="H10" s="205" t="s">
        <v>110</v>
      </c>
      <c r="I10" s="77">
        <v>0</v>
      </c>
      <c r="J10" s="203">
        <v>0</v>
      </c>
      <c r="K10" s="204">
        <v>0</v>
      </c>
      <c r="L10" s="203">
        <v>0</v>
      </c>
      <c r="M10" s="205" t="s">
        <v>110</v>
      </c>
      <c r="N10" s="77">
        <v>0</v>
      </c>
      <c r="O10" s="203">
        <v>0</v>
      </c>
      <c r="P10" s="204">
        <v>0</v>
      </c>
      <c r="Q10" s="203">
        <v>0</v>
      </c>
      <c r="R10" s="205" t="s">
        <v>110</v>
      </c>
    </row>
    <row r="11" spans="1:18" ht="35.1" customHeight="1" thickTop="1" thickBot="1" x14ac:dyDescent="0.2">
      <c r="A11" s="292"/>
      <c r="B11" s="206" t="s">
        <v>37</v>
      </c>
      <c r="C11" s="207">
        <v>112</v>
      </c>
      <c r="D11" s="78">
        <v>1593</v>
      </c>
      <c r="E11" s="113">
        <v>1680</v>
      </c>
      <c r="F11" s="208">
        <v>1636.5</v>
      </c>
      <c r="G11" s="113">
        <v>328</v>
      </c>
      <c r="H11" s="209">
        <v>0.20042774213260006</v>
      </c>
      <c r="I11" s="78">
        <v>825</v>
      </c>
      <c r="J11" s="113">
        <v>856</v>
      </c>
      <c r="K11" s="208">
        <v>840.5</v>
      </c>
      <c r="L11" s="113">
        <v>146</v>
      </c>
      <c r="M11" s="209">
        <v>0.17370612730517548</v>
      </c>
      <c r="N11" s="78">
        <v>768</v>
      </c>
      <c r="O11" s="113">
        <v>824</v>
      </c>
      <c r="P11" s="208">
        <v>796</v>
      </c>
      <c r="Q11" s="113">
        <v>182</v>
      </c>
      <c r="R11" s="209">
        <v>0.228643216080402</v>
      </c>
    </row>
    <row r="12" spans="1:18" ht="35.1" customHeight="1" thickBot="1" x14ac:dyDescent="0.2">
      <c r="A12" s="292" t="s">
        <v>50</v>
      </c>
      <c r="B12" s="193" t="s">
        <v>126</v>
      </c>
      <c r="C12" s="194">
        <v>16</v>
      </c>
      <c r="D12" s="75">
        <v>40</v>
      </c>
      <c r="E12" s="195">
        <v>51</v>
      </c>
      <c r="F12" s="196">
        <v>45.5</v>
      </c>
      <c r="G12" s="195">
        <v>15</v>
      </c>
      <c r="H12" s="197">
        <v>0.32967032967032966</v>
      </c>
      <c r="I12" s="75">
        <v>23</v>
      </c>
      <c r="J12" s="195">
        <v>29</v>
      </c>
      <c r="K12" s="196">
        <v>26</v>
      </c>
      <c r="L12" s="195">
        <v>5</v>
      </c>
      <c r="M12" s="197">
        <v>0.19230769230769232</v>
      </c>
      <c r="N12" s="75">
        <v>17</v>
      </c>
      <c r="O12" s="195">
        <v>22</v>
      </c>
      <c r="P12" s="196">
        <v>19.5</v>
      </c>
      <c r="Q12" s="195">
        <v>10</v>
      </c>
      <c r="R12" s="197">
        <v>0.51282051282051277</v>
      </c>
    </row>
    <row r="13" spans="1:18" ht="35.1" customHeight="1" thickBot="1" x14ac:dyDescent="0.2">
      <c r="A13" s="292"/>
      <c r="B13" s="198" t="s">
        <v>22</v>
      </c>
      <c r="C13" s="199">
        <v>95</v>
      </c>
      <c r="D13" s="76">
        <v>527</v>
      </c>
      <c r="E13" s="200">
        <v>558</v>
      </c>
      <c r="F13" s="196">
        <v>542.5</v>
      </c>
      <c r="G13" s="200">
        <v>142</v>
      </c>
      <c r="H13" s="197">
        <v>0.26175115207373273</v>
      </c>
      <c r="I13" s="76">
        <v>284</v>
      </c>
      <c r="J13" s="200">
        <v>285</v>
      </c>
      <c r="K13" s="196">
        <v>284.5</v>
      </c>
      <c r="L13" s="200">
        <v>66</v>
      </c>
      <c r="M13" s="197">
        <v>0.23198594024604569</v>
      </c>
      <c r="N13" s="76">
        <v>243</v>
      </c>
      <c r="O13" s="200">
        <v>273</v>
      </c>
      <c r="P13" s="196">
        <v>258</v>
      </c>
      <c r="Q13" s="200">
        <v>76</v>
      </c>
      <c r="R13" s="197">
        <v>0.29457364341085274</v>
      </c>
    </row>
    <row r="14" spans="1:18" ht="35.1" customHeight="1" thickBot="1" x14ac:dyDescent="0.2">
      <c r="A14" s="292"/>
      <c r="B14" s="198" t="s">
        <v>46</v>
      </c>
      <c r="C14" s="199">
        <v>119</v>
      </c>
      <c r="D14" s="76">
        <v>785</v>
      </c>
      <c r="E14" s="200">
        <v>855</v>
      </c>
      <c r="F14" s="196">
        <v>820</v>
      </c>
      <c r="G14" s="200">
        <v>225</v>
      </c>
      <c r="H14" s="197">
        <v>0.27439024390243905</v>
      </c>
      <c r="I14" s="76">
        <v>420</v>
      </c>
      <c r="J14" s="200">
        <v>457</v>
      </c>
      <c r="K14" s="196">
        <v>438.5</v>
      </c>
      <c r="L14" s="200">
        <v>90</v>
      </c>
      <c r="M14" s="197">
        <v>0.20524515393386544</v>
      </c>
      <c r="N14" s="76">
        <v>365</v>
      </c>
      <c r="O14" s="200">
        <v>398</v>
      </c>
      <c r="P14" s="196">
        <v>381.5</v>
      </c>
      <c r="Q14" s="200">
        <v>135</v>
      </c>
      <c r="R14" s="197">
        <v>0.35386631716906947</v>
      </c>
    </row>
    <row r="15" spans="1:18" ht="35.1" customHeight="1" thickBot="1" x14ac:dyDescent="0.2">
      <c r="A15" s="292"/>
      <c r="B15" s="198" t="s">
        <v>127</v>
      </c>
      <c r="C15" s="199">
        <v>17</v>
      </c>
      <c r="D15" s="76">
        <v>143</v>
      </c>
      <c r="E15" s="200">
        <v>148</v>
      </c>
      <c r="F15" s="196">
        <v>145.5</v>
      </c>
      <c r="G15" s="200">
        <v>23</v>
      </c>
      <c r="H15" s="197">
        <v>0.15807560137457044</v>
      </c>
      <c r="I15" s="76">
        <v>79</v>
      </c>
      <c r="J15" s="200">
        <v>83</v>
      </c>
      <c r="K15" s="196">
        <v>81</v>
      </c>
      <c r="L15" s="200">
        <v>10</v>
      </c>
      <c r="M15" s="197">
        <v>0.12345679012345678</v>
      </c>
      <c r="N15" s="76">
        <v>64</v>
      </c>
      <c r="O15" s="200">
        <v>65</v>
      </c>
      <c r="P15" s="196">
        <v>64.5</v>
      </c>
      <c r="Q15" s="200">
        <v>13</v>
      </c>
      <c r="R15" s="197">
        <v>0.20155038759689922</v>
      </c>
    </row>
    <row r="16" spans="1:18" ht="35.1" customHeight="1" thickBot="1" x14ac:dyDescent="0.2">
      <c r="A16" s="292"/>
      <c r="B16" s="201" t="s">
        <v>48</v>
      </c>
      <c r="C16" s="202">
        <v>7</v>
      </c>
      <c r="D16" s="77">
        <v>69</v>
      </c>
      <c r="E16" s="203">
        <v>84</v>
      </c>
      <c r="F16" s="204">
        <v>76.5</v>
      </c>
      <c r="G16" s="203">
        <v>21</v>
      </c>
      <c r="H16" s="210">
        <v>0.27450980392156865</v>
      </c>
      <c r="I16" s="77">
        <v>50</v>
      </c>
      <c r="J16" s="203">
        <v>54</v>
      </c>
      <c r="K16" s="204">
        <v>52</v>
      </c>
      <c r="L16" s="203">
        <v>13</v>
      </c>
      <c r="M16" s="210">
        <v>0.25</v>
      </c>
      <c r="N16" s="77">
        <v>19</v>
      </c>
      <c r="O16" s="203">
        <v>30</v>
      </c>
      <c r="P16" s="204">
        <v>24.5</v>
      </c>
      <c r="Q16" s="203">
        <v>8</v>
      </c>
      <c r="R16" s="210">
        <v>0.32653061224489793</v>
      </c>
    </row>
    <row r="17" spans="1:18" ht="35.1" customHeight="1" thickTop="1" thickBot="1" x14ac:dyDescent="0.2">
      <c r="A17" s="292"/>
      <c r="B17" s="206" t="s">
        <v>37</v>
      </c>
      <c r="C17" s="207">
        <v>254</v>
      </c>
      <c r="D17" s="78">
        <v>1564</v>
      </c>
      <c r="E17" s="113">
        <v>1696</v>
      </c>
      <c r="F17" s="208">
        <v>1630</v>
      </c>
      <c r="G17" s="113">
        <v>426</v>
      </c>
      <c r="H17" s="209">
        <v>0.26134969325153373</v>
      </c>
      <c r="I17" s="78">
        <v>856</v>
      </c>
      <c r="J17" s="113">
        <v>908</v>
      </c>
      <c r="K17" s="208">
        <v>882</v>
      </c>
      <c r="L17" s="113">
        <v>184</v>
      </c>
      <c r="M17" s="209">
        <v>0.20861678004535147</v>
      </c>
      <c r="N17" s="78">
        <v>708</v>
      </c>
      <c r="O17" s="113">
        <v>788</v>
      </c>
      <c r="P17" s="208">
        <v>748</v>
      </c>
      <c r="Q17" s="113">
        <v>242</v>
      </c>
      <c r="R17" s="209">
        <v>0.3235294117647059</v>
      </c>
    </row>
    <row r="18" spans="1:18" ht="35.1" customHeight="1" x14ac:dyDescent="0.15">
      <c r="B18" s="211"/>
      <c r="C18" s="211"/>
      <c r="D18" s="212"/>
      <c r="E18" s="212"/>
      <c r="F18" s="213"/>
      <c r="G18" s="212"/>
      <c r="H18" s="214"/>
      <c r="I18" s="212"/>
      <c r="J18" s="212"/>
      <c r="K18" s="213"/>
      <c r="L18" s="212"/>
      <c r="M18" s="214"/>
      <c r="N18" s="212"/>
      <c r="O18" s="212"/>
      <c r="P18" s="213"/>
      <c r="Q18" s="212"/>
      <c r="R18" s="214"/>
    </row>
    <row r="19" spans="1:18" ht="35.1" customHeight="1" thickBot="1" x14ac:dyDescent="0.2">
      <c r="B19" s="189" t="s">
        <v>38</v>
      </c>
      <c r="C19" s="189"/>
    </row>
    <row r="20" spans="1:18" ht="35.1" customHeight="1" thickBot="1" x14ac:dyDescent="0.2">
      <c r="A20" s="292"/>
      <c r="B20" s="308" t="s">
        <v>39</v>
      </c>
      <c r="C20" s="309"/>
      <c r="D20" s="297" t="s">
        <v>28</v>
      </c>
      <c r="E20" s="298"/>
      <c r="F20" s="298"/>
      <c r="G20" s="298"/>
      <c r="H20" s="299"/>
      <c r="I20" s="297" t="s">
        <v>29</v>
      </c>
      <c r="J20" s="298"/>
      <c r="K20" s="298"/>
      <c r="L20" s="298"/>
      <c r="M20" s="299"/>
      <c r="N20" s="297" t="s">
        <v>30</v>
      </c>
      <c r="O20" s="298"/>
      <c r="P20" s="298"/>
      <c r="Q20" s="298"/>
      <c r="R20" s="299"/>
    </row>
    <row r="21" spans="1:18" ht="60" customHeight="1" thickBot="1" x14ac:dyDescent="0.2">
      <c r="A21" s="292"/>
      <c r="B21" s="310"/>
      <c r="C21" s="311"/>
      <c r="D21" s="190" t="s">
        <v>31</v>
      </c>
      <c r="E21" s="191" t="s">
        <v>32</v>
      </c>
      <c r="F21" s="191" t="s">
        <v>33</v>
      </c>
      <c r="G21" s="191" t="s">
        <v>34</v>
      </c>
      <c r="H21" s="192" t="s">
        <v>36</v>
      </c>
      <c r="I21" s="190" t="s">
        <v>31</v>
      </c>
      <c r="J21" s="191" t="s">
        <v>32</v>
      </c>
      <c r="K21" s="191" t="s">
        <v>33</v>
      </c>
      <c r="L21" s="191" t="s">
        <v>34</v>
      </c>
      <c r="M21" s="192" t="s">
        <v>36</v>
      </c>
      <c r="N21" s="190" t="s">
        <v>31</v>
      </c>
      <c r="O21" s="191" t="s">
        <v>32</v>
      </c>
      <c r="P21" s="191" t="s">
        <v>33</v>
      </c>
      <c r="Q21" s="191" t="s">
        <v>34</v>
      </c>
      <c r="R21" s="192" t="s">
        <v>36</v>
      </c>
    </row>
    <row r="22" spans="1:18" ht="35.1" customHeight="1" thickTop="1" thickBot="1" x14ac:dyDescent="0.2">
      <c r="A22" s="292" t="s">
        <v>49</v>
      </c>
      <c r="B22" s="306" t="s">
        <v>40</v>
      </c>
      <c r="C22" s="307"/>
      <c r="D22" s="75">
        <v>7</v>
      </c>
      <c r="E22" s="195">
        <v>5</v>
      </c>
      <c r="F22" s="196">
        <v>6</v>
      </c>
      <c r="G22" s="195">
        <v>2</v>
      </c>
      <c r="H22" s="197">
        <v>0.33333333333333331</v>
      </c>
      <c r="I22" s="75">
        <v>4</v>
      </c>
      <c r="J22" s="195">
        <v>3</v>
      </c>
      <c r="K22" s="196">
        <v>3.5</v>
      </c>
      <c r="L22" s="195">
        <v>1</v>
      </c>
      <c r="M22" s="197">
        <v>0.2857142857142857</v>
      </c>
      <c r="N22" s="75">
        <v>3</v>
      </c>
      <c r="O22" s="195">
        <v>2</v>
      </c>
      <c r="P22" s="196">
        <v>2.5</v>
      </c>
      <c r="Q22" s="195">
        <v>1</v>
      </c>
      <c r="R22" s="197">
        <v>0.4</v>
      </c>
    </row>
    <row r="23" spans="1:18" ht="35.1" customHeight="1" thickBot="1" x14ac:dyDescent="0.2">
      <c r="A23" s="292"/>
      <c r="B23" s="300" t="s">
        <v>41</v>
      </c>
      <c r="C23" s="301"/>
      <c r="D23" s="76">
        <v>1</v>
      </c>
      <c r="E23" s="200">
        <v>2</v>
      </c>
      <c r="F23" s="196">
        <v>1.5</v>
      </c>
      <c r="G23" s="200">
        <v>1</v>
      </c>
      <c r="H23" s="197">
        <v>0.66666666666666663</v>
      </c>
      <c r="I23" s="76">
        <v>1</v>
      </c>
      <c r="J23" s="200">
        <v>1</v>
      </c>
      <c r="K23" s="196">
        <v>1</v>
      </c>
      <c r="L23" s="200">
        <v>0</v>
      </c>
      <c r="M23" s="197">
        <v>0</v>
      </c>
      <c r="N23" s="76">
        <v>0</v>
      </c>
      <c r="O23" s="200">
        <v>1</v>
      </c>
      <c r="P23" s="196">
        <v>0.5</v>
      </c>
      <c r="Q23" s="200">
        <v>1</v>
      </c>
      <c r="R23" s="197">
        <v>1</v>
      </c>
    </row>
    <row r="24" spans="1:18" ht="35.1" customHeight="1" thickBot="1" x14ac:dyDescent="0.2">
      <c r="A24" s="292"/>
      <c r="B24" s="300" t="s">
        <v>42</v>
      </c>
      <c r="C24" s="301"/>
      <c r="D24" s="76">
        <v>1107</v>
      </c>
      <c r="E24" s="200">
        <v>1176</v>
      </c>
      <c r="F24" s="196">
        <v>1141.5</v>
      </c>
      <c r="G24" s="200">
        <v>221</v>
      </c>
      <c r="H24" s="197">
        <v>0.19360490582566797</v>
      </c>
      <c r="I24" s="76">
        <v>566</v>
      </c>
      <c r="J24" s="200">
        <v>594</v>
      </c>
      <c r="K24" s="196">
        <v>580</v>
      </c>
      <c r="L24" s="200">
        <v>102</v>
      </c>
      <c r="M24" s="197">
        <v>0.17586206896551723</v>
      </c>
      <c r="N24" s="76">
        <v>541</v>
      </c>
      <c r="O24" s="200">
        <v>582</v>
      </c>
      <c r="P24" s="196">
        <v>561.5</v>
      </c>
      <c r="Q24" s="200">
        <v>119</v>
      </c>
      <c r="R24" s="197">
        <v>0.21193232413178986</v>
      </c>
    </row>
    <row r="25" spans="1:18" ht="35.1" customHeight="1" thickBot="1" x14ac:dyDescent="0.2">
      <c r="A25" s="292"/>
      <c r="B25" s="302" t="s">
        <v>43</v>
      </c>
      <c r="C25" s="303"/>
      <c r="D25" s="77">
        <v>478</v>
      </c>
      <c r="E25" s="203">
        <v>497</v>
      </c>
      <c r="F25" s="204">
        <v>487.5</v>
      </c>
      <c r="G25" s="203">
        <v>104</v>
      </c>
      <c r="H25" s="210">
        <v>0.21333333333333335</v>
      </c>
      <c r="I25" s="77">
        <v>254</v>
      </c>
      <c r="J25" s="203">
        <v>258</v>
      </c>
      <c r="K25" s="204">
        <v>256</v>
      </c>
      <c r="L25" s="203">
        <v>43</v>
      </c>
      <c r="M25" s="210">
        <v>0.16796875</v>
      </c>
      <c r="N25" s="77">
        <v>224</v>
      </c>
      <c r="O25" s="203">
        <v>239</v>
      </c>
      <c r="P25" s="204">
        <v>231.5</v>
      </c>
      <c r="Q25" s="203">
        <v>61</v>
      </c>
      <c r="R25" s="210">
        <v>0.26349892008639308</v>
      </c>
    </row>
    <row r="26" spans="1:18" ht="35.1" customHeight="1" thickTop="1" thickBot="1" x14ac:dyDescent="0.2">
      <c r="A26" s="292"/>
      <c r="B26" s="304" t="s">
        <v>37</v>
      </c>
      <c r="C26" s="305"/>
      <c r="D26" s="78">
        <v>1593</v>
      </c>
      <c r="E26" s="113">
        <v>1680</v>
      </c>
      <c r="F26" s="208">
        <v>1636.5</v>
      </c>
      <c r="G26" s="113">
        <v>328</v>
      </c>
      <c r="H26" s="209">
        <v>0.20042774213260006</v>
      </c>
      <c r="I26" s="78">
        <v>825</v>
      </c>
      <c r="J26" s="113">
        <v>856</v>
      </c>
      <c r="K26" s="208">
        <v>840.5</v>
      </c>
      <c r="L26" s="113">
        <v>146</v>
      </c>
      <c r="M26" s="209">
        <v>0.17370612730517548</v>
      </c>
      <c r="N26" s="78">
        <v>768</v>
      </c>
      <c r="O26" s="113">
        <v>824</v>
      </c>
      <c r="P26" s="208">
        <v>796</v>
      </c>
      <c r="Q26" s="113">
        <v>182</v>
      </c>
      <c r="R26" s="209">
        <v>0.228643216080402</v>
      </c>
    </row>
    <row r="27" spans="1:18" ht="35.1" customHeight="1" thickBot="1" x14ac:dyDescent="0.2">
      <c r="A27" s="292" t="s">
        <v>50</v>
      </c>
      <c r="B27" s="297" t="s">
        <v>40</v>
      </c>
      <c r="C27" s="299"/>
      <c r="D27" s="75">
        <v>2</v>
      </c>
      <c r="E27" s="195">
        <v>2</v>
      </c>
      <c r="F27" s="196">
        <v>2</v>
      </c>
      <c r="G27" s="195">
        <v>1</v>
      </c>
      <c r="H27" s="197">
        <v>0.5</v>
      </c>
      <c r="I27" s="75">
        <v>1</v>
      </c>
      <c r="J27" s="195">
        <v>1</v>
      </c>
      <c r="K27" s="196">
        <v>1</v>
      </c>
      <c r="L27" s="195">
        <v>1</v>
      </c>
      <c r="M27" s="197">
        <v>1</v>
      </c>
      <c r="N27" s="75">
        <v>1</v>
      </c>
      <c r="O27" s="195">
        <v>1</v>
      </c>
      <c r="P27" s="196">
        <v>1</v>
      </c>
      <c r="Q27" s="195">
        <v>0</v>
      </c>
      <c r="R27" s="197">
        <v>0</v>
      </c>
    </row>
    <row r="28" spans="1:18" ht="35.1" customHeight="1" thickBot="1" x14ac:dyDescent="0.2">
      <c r="A28" s="292"/>
      <c r="B28" s="300" t="s">
        <v>41</v>
      </c>
      <c r="C28" s="301"/>
      <c r="D28" s="76">
        <v>0</v>
      </c>
      <c r="E28" s="200">
        <v>0</v>
      </c>
      <c r="F28" s="196">
        <v>0</v>
      </c>
      <c r="G28" s="200">
        <v>0</v>
      </c>
      <c r="H28" s="215" t="s">
        <v>128</v>
      </c>
      <c r="I28" s="76">
        <v>0</v>
      </c>
      <c r="J28" s="200">
        <v>0</v>
      </c>
      <c r="K28" s="196">
        <v>0</v>
      </c>
      <c r="L28" s="200">
        <v>0</v>
      </c>
      <c r="M28" s="215" t="s">
        <v>128</v>
      </c>
      <c r="N28" s="76">
        <v>0</v>
      </c>
      <c r="O28" s="200">
        <v>0</v>
      </c>
      <c r="P28" s="196">
        <v>0</v>
      </c>
      <c r="Q28" s="200">
        <v>0</v>
      </c>
      <c r="R28" s="215" t="s">
        <v>128</v>
      </c>
    </row>
    <row r="29" spans="1:18" ht="35.1" customHeight="1" thickBot="1" x14ac:dyDescent="0.2">
      <c r="A29" s="292"/>
      <c r="B29" s="300" t="s">
        <v>42</v>
      </c>
      <c r="C29" s="301"/>
      <c r="D29" s="76">
        <v>1050</v>
      </c>
      <c r="E29" s="200">
        <v>1161</v>
      </c>
      <c r="F29" s="196">
        <v>1105.5</v>
      </c>
      <c r="G29" s="200">
        <v>286</v>
      </c>
      <c r="H29" s="197">
        <v>0.25870646766169153</v>
      </c>
      <c r="I29" s="76">
        <v>592</v>
      </c>
      <c r="J29" s="200">
        <v>636</v>
      </c>
      <c r="K29" s="196">
        <v>614</v>
      </c>
      <c r="L29" s="200">
        <v>134</v>
      </c>
      <c r="M29" s="197">
        <v>0.21824104234527689</v>
      </c>
      <c r="N29" s="76">
        <v>458</v>
      </c>
      <c r="O29" s="200">
        <v>525</v>
      </c>
      <c r="P29" s="196">
        <v>491.5</v>
      </c>
      <c r="Q29" s="200">
        <v>152</v>
      </c>
      <c r="R29" s="197">
        <v>0.30925737538148523</v>
      </c>
    </row>
    <row r="30" spans="1:18" ht="35.1" customHeight="1" thickBot="1" x14ac:dyDescent="0.2">
      <c r="A30" s="292"/>
      <c r="B30" s="302" t="s">
        <v>43</v>
      </c>
      <c r="C30" s="303"/>
      <c r="D30" s="77">
        <v>512</v>
      </c>
      <c r="E30" s="203">
        <v>533</v>
      </c>
      <c r="F30" s="204">
        <v>522.5</v>
      </c>
      <c r="G30" s="203">
        <v>139</v>
      </c>
      <c r="H30" s="210">
        <v>0.26602870813397128</v>
      </c>
      <c r="I30" s="77">
        <v>263</v>
      </c>
      <c r="J30" s="203">
        <v>271</v>
      </c>
      <c r="K30" s="204">
        <v>267</v>
      </c>
      <c r="L30" s="203">
        <v>49</v>
      </c>
      <c r="M30" s="210">
        <v>0.18352059925093633</v>
      </c>
      <c r="N30" s="77">
        <v>249</v>
      </c>
      <c r="O30" s="203">
        <v>262</v>
      </c>
      <c r="P30" s="204">
        <v>255.5</v>
      </c>
      <c r="Q30" s="203">
        <v>90</v>
      </c>
      <c r="R30" s="210">
        <v>0.35225048923679059</v>
      </c>
    </row>
    <row r="31" spans="1:18" ht="35.1" customHeight="1" thickTop="1" thickBot="1" x14ac:dyDescent="0.2">
      <c r="A31" s="292"/>
      <c r="B31" s="304" t="s">
        <v>37</v>
      </c>
      <c r="C31" s="305"/>
      <c r="D31" s="78">
        <v>1564</v>
      </c>
      <c r="E31" s="113">
        <v>1696</v>
      </c>
      <c r="F31" s="208">
        <v>1630</v>
      </c>
      <c r="G31" s="113">
        <v>426</v>
      </c>
      <c r="H31" s="209">
        <v>0.26134969325153373</v>
      </c>
      <c r="I31" s="78">
        <v>856</v>
      </c>
      <c r="J31" s="113">
        <v>908</v>
      </c>
      <c r="K31" s="208">
        <v>882</v>
      </c>
      <c r="L31" s="113">
        <v>184</v>
      </c>
      <c r="M31" s="209">
        <v>0.20861678004535147</v>
      </c>
      <c r="N31" s="78">
        <v>708</v>
      </c>
      <c r="O31" s="113">
        <v>788</v>
      </c>
      <c r="P31" s="208">
        <v>748</v>
      </c>
      <c r="Q31" s="113">
        <v>242</v>
      </c>
      <c r="R31" s="209">
        <v>0.3235294117647059</v>
      </c>
    </row>
    <row r="32" spans="1:18" ht="35.1" customHeight="1" x14ac:dyDescent="0.15">
      <c r="B32" s="211"/>
      <c r="C32" s="211"/>
      <c r="D32" s="212"/>
      <c r="E32" s="212"/>
      <c r="F32" s="213"/>
      <c r="G32" s="212"/>
      <c r="H32" s="214"/>
      <c r="I32" s="212"/>
      <c r="J32" s="212"/>
      <c r="K32" s="213"/>
      <c r="L32" s="212"/>
      <c r="M32" s="214"/>
      <c r="N32" s="212"/>
      <c r="O32" s="212"/>
      <c r="P32" s="213"/>
      <c r="Q32" s="212"/>
      <c r="R32" s="214"/>
    </row>
    <row r="33" spans="1:18" ht="35.1" customHeight="1" thickBot="1" x14ac:dyDescent="0.2">
      <c r="B33" s="189" t="s">
        <v>44</v>
      </c>
      <c r="C33" s="189"/>
    </row>
    <row r="34" spans="1:18" ht="35.1" customHeight="1" thickBot="1" x14ac:dyDescent="0.2">
      <c r="A34" s="292"/>
      <c r="B34" s="293" t="s">
        <v>0</v>
      </c>
      <c r="C34" s="295" t="s">
        <v>124</v>
      </c>
      <c r="D34" s="297" t="s">
        <v>28</v>
      </c>
      <c r="E34" s="298"/>
      <c r="F34" s="298"/>
      <c r="G34" s="298"/>
      <c r="H34" s="299"/>
      <c r="I34" s="297" t="s">
        <v>29</v>
      </c>
      <c r="J34" s="298"/>
      <c r="K34" s="298"/>
      <c r="L34" s="298"/>
      <c r="M34" s="299"/>
      <c r="N34" s="297" t="s">
        <v>30</v>
      </c>
      <c r="O34" s="298"/>
      <c r="P34" s="298"/>
      <c r="Q34" s="298"/>
      <c r="R34" s="299"/>
    </row>
    <row r="35" spans="1:18" s="216" customFormat="1" ht="60" customHeight="1" thickBot="1" x14ac:dyDescent="0.2">
      <c r="A35" s="292"/>
      <c r="B35" s="294"/>
      <c r="C35" s="296"/>
      <c r="D35" s="190" t="s">
        <v>31</v>
      </c>
      <c r="E35" s="191" t="s">
        <v>32</v>
      </c>
      <c r="F35" s="191" t="s">
        <v>33</v>
      </c>
      <c r="G35" s="191" t="s">
        <v>34</v>
      </c>
      <c r="H35" s="192" t="s">
        <v>36</v>
      </c>
      <c r="I35" s="190" t="s">
        <v>31</v>
      </c>
      <c r="J35" s="191" t="s">
        <v>32</v>
      </c>
      <c r="K35" s="191" t="s">
        <v>33</v>
      </c>
      <c r="L35" s="191" t="s">
        <v>34</v>
      </c>
      <c r="M35" s="192" t="s">
        <v>36</v>
      </c>
      <c r="N35" s="190" t="s">
        <v>31</v>
      </c>
      <c r="O35" s="191" t="s">
        <v>32</v>
      </c>
      <c r="P35" s="191" t="s">
        <v>33</v>
      </c>
      <c r="Q35" s="191" t="s">
        <v>34</v>
      </c>
      <c r="R35" s="192" t="s">
        <v>36</v>
      </c>
    </row>
    <row r="36" spans="1:18" ht="35.1" customHeight="1" thickBot="1" x14ac:dyDescent="0.2">
      <c r="A36" s="292" t="s">
        <v>49</v>
      </c>
      <c r="B36" s="193" t="s">
        <v>15</v>
      </c>
      <c r="C36" s="194">
        <v>54</v>
      </c>
      <c r="D36" s="75">
        <v>852</v>
      </c>
      <c r="E36" s="195">
        <v>918</v>
      </c>
      <c r="F36" s="196">
        <v>885</v>
      </c>
      <c r="G36" s="195">
        <v>196</v>
      </c>
      <c r="H36" s="197">
        <v>0.22146892655367231</v>
      </c>
      <c r="I36" s="75">
        <v>410</v>
      </c>
      <c r="J36" s="195">
        <v>439</v>
      </c>
      <c r="K36" s="196">
        <v>424.5</v>
      </c>
      <c r="L36" s="195">
        <v>83</v>
      </c>
      <c r="M36" s="197">
        <v>0.19552414605418139</v>
      </c>
      <c r="N36" s="75">
        <v>442</v>
      </c>
      <c r="O36" s="195">
        <v>479</v>
      </c>
      <c r="P36" s="196">
        <v>460.5</v>
      </c>
      <c r="Q36" s="195">
        <v>113</v>
      </c>
      <c r="R36" s="197">
        <v>0.24538545059717698</v>
      </c>
    </row>
    <row r="37" spans="1:18" ht="35.1" customHeight="1" thickBot="1" x14ac:dyDescent="0.2">
      <c r="A37" s="292"/>
      <c r="B37" s="198" t="s">
        <v>16</v>
      </c>
      <c r="C37" s="199">
        <v>11</v>
      </c>
      <c r="D37" s="76">
        <v>127</v>
      </c>
      <c r="E37" s="200">
        <v>137</v>
      </c>
      <c r="F37" s="196">
        <v>132</v>
      </c>
      <c r="G37" s="200">
        <v>37</v>
      </c>
      <c r="H37" s="197">
        <v>0.28030303030303028</v>
      </c>
      <c r="I37" s="76">
        <v>77</v>
      </c>
      <c r="J37" s="200">
        <v>77</v>
      </c>
      <c r="K37" s="196">
        <v>77</v>
      </c>
      <c r="L37" s="200">
        <v>14</v>
      </c>
      <c r="M37" s="197">
        <v>0.18181818181818182</v>
      </c>
      <c r="N37" s="76">
        <v>50</v>
      </c>
      <c r="O37" s="200">
        <v>60</v>
      </c>
      <c r="P37" s="196">
        <v>55</v>
      </c>
      <c r="Q37" s="200">
        <v>23</v>
      </c>
      <c r="R37" s="197">
        <v>0.41818181818181815</v>
      </c>
    </row>
    <row r="38" spans="1:18" ht="35.1" customHeight="1" thickBot="1" x14ac:dyDescent="0.2">
      <c r="A38" s="292"/>
      <c r="B38" s="198" t="s">
        <v>17</v>
      </c>
      <c r="C38" s="199">
        <v>7</v>
      </c>
      <c r="D38" s="76">
        <v>91</v>
      </c>
      <c r="E38" s="200">
        <v>99</v>
      </c>
      <c r="F38" s="196">
        <v>95</v>
      </c>
      <c r="G38" s="200">
        <v>15</v>
      </c>
      <c r="H38" s="197">
        <v>0.15789473684210525</v>
      </c>
      <c r="I38" s="76">
        <v>65</v>
      </c>
      <c r="J38" s="200">
        <v>70</v>
      </c>
      <c r="K38" s="196">
        <v>67.5</v>
      </c>
      <c r="L38" s="200">
        <v>10</v>
      </c>
      <c r="M38" s="197">
        <v>0.14814814814814814</v>
      </c>
      <c r="N38" s="76">
        <v>26</v>
      </c>
      <c r="O38" s="200">
        <v>29</v>
      </c>
      <c r="P38" s="196">
        <v>27.5</v>
      </c>
      <c r="Q38" s="200">
        <v>5</v>
      </c>
      <c r="R38" s="197">
        <v>0.18181818181818182</v>
      </c>
    </row>
    <row r="39" spans="1:18" ht="35.1" customHeight="1" thickBot="1" x14ac:dyDescent="0.2">
      <c r="A39" s="292"/>
      <c r="B39" s="198" t="s">
        <v>14</v>
      </c>
      <c r="C39" s="199">
        <v>9</v>
      </c>
      <c r="D39" s="76">
        <v>132</v>
      </c>
      <c r="E39" s="200">
        <v>130</v>
      </c>
      <c r="F39" s="196">
        <v>131</v>
      </c>
      <c r="G39" s="200">
        <v>13</v>
      </c>
      <c r="H39" s="197">
        <v>9.9236641221374045E-2</v>
      </c>
      <c r="I39" s="76">
        <v>60</v>
      </c>
      <c r="J39" s="200">
        <v>61</v>
      </c>
      <c r="K39" s="196">
        <v>60.5</v>
      </c>
      <c r="L39" s="200">
        <v>4</v>
      </c>
      <c r="M39" s="197">
        <v>6.6115702479338845E-2</v>
      </c>
      <c r="N39" s="76">
        <v>72</v>
      </c>
      <c r="O39" s="200">
        <v>69</v>
      </c>
      <c r="P39" s="196">
        <v>70.5</v>
      </c>
      <c r="Q39" s="200">
        <v>9</v>
      </c>
      <c r="R39" s="197">
        <v>0.1276595744680851</v>
      </c>
    </row>
    <row r="40" spans="1:18" ht="35.1" customHeight="1" thickBot="1" x14ac:dyDescent="0.2">
      <c r="A40" s="292"/>
      <c r="B40" s="198" t="s">
        <v>19</v>
      </c>
      <c r="C40" s="199">
        <v>8</v>
      </c>
      <c r="D40" s="76">
        <v>87</v>
      </c>
      <c r="E40" s="200">
        <v>98</v>
      </c>
      <c r="F40" s="196">
        <v>92.5</v>
      </c>
      <c r="G40" s="200">
        <v>11</v>
      </c>
      <c r="H40" s="197">
        <v>0.11891891891891893</v>
      </c>
      <c r="I40" s="76">
        <v>47</v>
      </c>
      <c r="J40" s="200">
        <v>54</v>
      </c>
      <c r="K40" s="196">
        <v>50.5</v>
      </c>
      <c r="L40" s="200">
        <v>3</v>
      </c>
      <c r="M40" s="197">
        <v>5.9405940594059403E-2</v>
      </c>
      <c r="N40" s="76">
        <v>40</v>
      </c>
      <c r="O40" s="200">
        <v>44</v>
      </c>
      <c r="P40" s="196">
        <v>42</v>
      </c>
      <c r="Q40" s="200">
        <v>8</v>
      </c>
      <c r="R40" s="197">
        <v>0.19047619047619047</v>
      </c>
    </row>
    <row r="41" spans="1:18" ht="35.1" customHeight="1" thickBot="1" x14ac:dyDescent="0.2">
      <c r="A41" s="292"/>
      <c r="B41" s="198" t="s">
        <v>20</v>
      </c>
      <c r="C41" s="199">
        <v>8</v>
      </c>
      <c r="D41" s="76">
        <v>99</v>
      </c>
      <c r="E41" s="200">
        <v>98</v>
      </c>
      <c r="F41" s="196">
        <v>98.5</v>
      </c>
      <c r="G41" s="200">
        <v>12</v>
      </c>
      <c r="H41" s="197">
        <v>0.12182741116751269</v>
      </c>
      <c r="I41" s="76">
        <v>56</v>
      </c>
      <c r="J41" s="200">
        <v>56</v>
      </c>
      <c r="K41" s="196">
        <v>56</v>
      </c>
      <c r="L41" s="200">
        <v>7</v>
      </c>
      <c r="M41" s="197">
        <v>0.125</v>
      </c>
      <c r="N41" s="76">
        <v>43</v>
      </c>
      <c r="O41" s="200">
        <v>42</v>
      </c>
      <c r="P41" s="196">
        <v>42.5</v>
      </c>
      <c r="Q41" s="200">
        <v>5</v>
      </c>
      <c r="R41" s="197">
        <v>0.11764705882352941</v>
      </c>
    </row>
    <row r="42" spans="1:18" ht="35.1" customHeight="1" thickBot="1" x14ac:dyDescent="0.2">
      <c r="A42" s="292"/>
      <c r="B42" s="198" t="s">
        <v>18</v>
      </c>
      <c r="C42" s="199">
        <v>10</v>
      </c>
      <c r="D42" s="76">
        <v>132</v>
      </c>
      <c r="E42" s="200">
        <v>129</v>
      </c>
      <c r="F42" s="196">
        <v>130.5</v>
      </c>
      <c r="G42" s="200">
        <v>31</v>
      </c>
      <c r="H42" s="197">
        <v>0.23754789272030652</v>
      </c>
      <c r="I42" s="76">
        <v>71</v>
      </c>
      <c r="J42" s="200">
        <v>61</v>
      </c>
      <c r="K42" s="196">
        <v>66</v>
      </c>
      <c r="L42" s="200">
        <v>17</v>
      </c>
      <c r="M42" s="197">
        <v>0.25757575757575757</v>
      </c>
      <c r="N42" s="76">
        <v>61</v>
      </c>
      <c r="O42" s="200">
        <v>68</v>
      </c>
      <c r="P42" s="196">
        <v>64.5</v>
      </c>
      <c r="Q42" s="200">
        <v>14</v>
      </c>
      <c r="R42" s="197">
        <v>0.21705426356589147</v>
      </c>
    </row>
    <row r="43" spans="1:18" ht="35.1" customHeight="1" thickBot="1" x14ac:dyDescent="0.2">
      <c r="A43" s="292"/>
      <c r="B43" s="201" t="s">
        <v>21</v>
      </c>
      <c r="C43" s="202">
        <v>5</v>
      </c>
      <c r="D43" s="77">
        <v>73</v>
      </c>
      <c r="E43" s="203">
        <v>71</v>
      </c>
      <c r="F43" s="204">
        <v>72</v>
      </c>
      <c r="G43" s="203">
        <v>13</v>
      </c>
      <c r="H43" s="210">
        <v>0.18055555555555555</v>
      </c>
      <c r="I43" s="77">
        <v>39</v>
      </c>
      <c r="J43" s="203">
        <v>38</v>
      </c>
      <c r="K43" s="204">
        <v>38.5</v>
      </c>
      <c r="L43" s="203">
        <v>8</v>
      </c>
      <c r="M43" s="210">
        <v>0.20779220779220781</v>
      </c>
      <c r="N43" s="77">
        <v>34</v>
      </c>
      <c r="O43" s="203">
        <v>33</v>
      </c>
      <c r="P43" s="204">
        <v>33.5</v>
      </c>
      <c r="Q43" s="203">
        <v>5</v>
      </c>
      <c r="R43" s="210">
        <v>0.14925373134328357</v>
      </c>
    </row>
    <row r="44" spans="1:18" ht="35.1" customHeight="1" thickTop="1" thickBot="1" x14ac:dyDescent="0.2">
      <c r="A44" s="292"/>
      <c r="B44" s="206" t="s">
        <v>23</v>
      </c>
      <c r="C44" s="207">
        <v>112</v>
      </c>
      <c r="D44" s="78">
        <v>1593</v>
      </c>
      <c r="E44" s="113">
        <v>1680</v>
      </c>
      <c r="F44" s="208">
        <v>1636.5</v>
      </c>
      <c r="G44" s="113">
        <v>328</v>
      </c>
      <c r="H44" s="209">
        <v>0.20042774213260006</v>
      </c>
      <c r="I44" s="78">
        <v>825</v>
      </c>
      <c r="J44" s="113">
        <v>856</v>
      </c>
      <c r="K44" s="208">
        <v>840.5</v>
      </c>
      <c r="L44" s="113">
        <v>146</v>
      </c>
      <c r="M44" s="209">
        <v>0.17370612730517548</v>
      </c>
      <c r="N44" s="78">
        <v>768</v>
      </c>
      <c r="O44" s="113">
        <v>824</v>
      </c>
      <c r="P44" s="208">
        <v>796</v>
      </c>
      <c r="Q44" s="113">
        <v>182</v>
      </c>
      <c r="R44" s="209">
        <v>0.228643216080402</v>
      </c>
    </row>
    <row r="45" spans="1:18" ht="35.1" customHeight="1" thickBot="1" x14ac:dyDescent="0.2">
      <c r="A45" s="292" t="s">
        <v>50</v>
      </c>
      <c r="B45" s="193" t="s">
        <v>15</v>
      </c>
      <c r="C45" s="194">
        <v>93</v>
      </c>
      <c r="D45" s="75">
        <v>624</v>
      </c>
      <c r="E45" s="195">
        <v>667</v>
      </c>
      <c r="F45" s="196">
        <v>645.5</v>
      </c>
      <c r="G45" s="195">
        <v>197</v>
      </c>
      <c r="H45" s="197">
        <v>0.30518977536793185</v>
      </c>
      <c r="I45" s="75">
        <v>337</v>
      </c>
      <c r="J45" s="195">
        <v>366</v>
      </c>
      <c r="K45" s="196">
        <v>351.5</v>
      </c>
      <c r="L45" s="195">
        <v>76</v>
      </c>
      <c r="M45" s="197">
        <v>0.21621621621621623</v>
      </c>
      <c r="N45" s="75">
        <v>287</v>
      </c>
      <c r="O45" s="195">
        <v>301</v>
      </c>
      <c r="P45" s="196">
        <v>294</v>
      </c>
      <c r="Q45" s="195">
        <v>121</v>
      </c>
      <c r="R45" s="197">
        <v>0.41156462585034015</v>
      </c>
    </row>
    <row r="46" spans="1:18" ht="35.1" customHeight="1" thickBot="1" x14ac:dyDescent="0.2">
      <c r="A46" s="292"/>
      <c r="B46" s="198" t="s">
        <v>16</v>
      </c>
      <c r="C46" s="199">
        <v>39</v>
      </c>
      <c r="D46" s="76">
        <v>217</v>
      </c>
      <c r="E46" s="200">
        <v>234</v>
      </c>
      <c r="F46" s="196">
        <v>225.5</v>
      </c>
      <c r="G46" s="200">
        <v>57</v>
      </c>
      <c r="H46" s="197">
        <v>0.25277161862527714</v>
      </c>
      <c r="I46" s="76">
        <v>135</v>
      </c>
      <c r="J46" s="200">
        <v>142</v>
      </c>
      <c r="K46" s="196">
        <v>138.5</v>
      </c>
      <c r="L46" s="200">
        <v>28</v>
      </c>
      <c r="M46" s="197">
        <v>0.20216606498194944</v>
      </c>
      <c r="N46" s="76">
        <v>82</v>
      </c>
      <c r="O46" s="200">
        <v>92</v>
      </c>
      <c r="P46" s="196">
        <v>87</v>
      </c>
      <c r="Q46" s="200">
        <v>29</v>
      </c>
      <c r="R46" s="197">
        <v>0.33333333333333331</v>
      </c>
    </row>
    <row r="47" spans="1:18" ht="35.1" customHeight="1" thickBot="1" x14ac:dyDescent="0.2">
      <c r="A47" s="292"/>
      <c r="B47" s="198" t="s">
        <v>17</v>
      </c>
      <c r="C47" s="199">
        <v>21</v>
      </c>
      <c r="D47" s="76">
        <v>119</v>
      </c>
      <c r="E47" s="200">
        <v>133</v>
      </c>
      <c r="F47" s="196">
        <v>126</v>
      </c>
      <c r="G47" s="200">
        <v>33</v>
      </c>
      <c r="H47" s="197">
        <v>0.26190476190476192</v>
      </c>
      <c r="I47" s="76">
        <v>64</v>
      </c>
      <c r="J47" s="200">
        <v>62</v>
      </c>
      <c r="K47" s="196">
        <v>63</v>
      </c>
      <c r="L47" s="200">
        <v>15</v>
      </c>
      <c r="M47" s="197">
        <v>0.23809523809523808</v>
      </c>
      <c r="N47" s="76">
        <v>55</v>
      </c>
      <c r="O47" s="200">
        <v>71</v>
      </c>
      <c r="P47" s="196">
        <v>63</v>
      </c>
      <c r="Q47" s="200">
        <v>18</v>
      </c>
      <c r="R47" s="197">
        <v>0.2857142857142857</v>
      </c>
    </row>
    <row r="48" spans="1:18" ht="35.1" customHeight="1" thickBot="1" x14ac:dyDescent="0.2">
      <c r="A48" s="292"/>
      <c r="B48" s="198" t="s">
        <v>14</v>
      </c>
      <c r="C48" s="199">
        <v>24</v>
      </c>
      <c r="D48" s="76">
        <v>145</v>
      </c>
      <c r="E48" s="200">
        <v>170</v>
      </c>
      <c r="F48" s="196">
        <v>157.5</v>
      </c>
      <c r="G48" s="200">
        <v>32</v>
      </c>
      <c r="H48" s="197">
        <v>0.20317460317460317</v>
      </c>
      <c r="I48" s="76">
        <v>73</v>
      </c>
      <c r="J48" s="200">
        <v>76</v>
      </c>
      <c r="K48" s="196">
        <v>74.5</v>
      </c>
      <c r="L48" s="200">
        <v>13</v>
      </c>
      <c r="M48" s="197">
        <v>0.17449664429530201</v>
      </c>
      <c r="N48" s="76">
        <v>72</v>
      </c>
      <c r="O48" s="200">
        <v>94</v>
      </c>
      <c r="P48" s="196">
        <v>83</v>
      </c>
      <c r="Q48" s="200">
        <v>19</v>
      </c>
      <c r="R48" s="197">
        <v>0.2289156626506024</v>
      </c>
    </row>
    <row r="49" spans="1:18" ht="35.1" customHeight="1" thickBot="1" x14ac:dyDescent="0.2">
      <c r="A49" s="292"/>
      <c r="B49" s="198" t="s">
        <v>19</v>
      </c>
      <c r="C49" s="199">
        <v>19</v>
      </c>
      <c r="D49" s="76">
        <v>119</v>
      </c>
      <c r="E49" s="200">
        <v>123</v>
      </c>
      <c r="F49" s="196">
        <v>121</v>
      </c>
      <c r="G49" s="200">
        <v>22</v>
      </c>
      <c r="H49" s="197">
        <v>0.18181818181818182</v>
      </c>
      <c r="I49" s="76">
        <v>54</v>
      </c>
      <c r="J49" s="200">
        <v>54</v>
      </c>
      <c r="K49" s="196">
        <v>54</v>
      </c>
      <c r="L49" s="200">
        <v>11</v>
      </c>
      <c r="M49" s="197">
        <v>0.20370370370370369</v>
      </c>
      <c r="N49" s="76">
        <v>65</v>
      </c>
      <c r="O49" s="200">
        <v>69</v>
      </c>
      <c r="P49" s="196">
        <v>67</v>
      </c>
      <c r="Q49" s="200">
        <v>11</v>
      </c>
      <c r="R49" s="197">
        <v>0.16417910447761194</v>
      </c>
    </row>
    <row r="50" spans="1:18" ht="35.1" customHeight="1" thickBot="1" x14ac:dyDescent="0.2">
      <c r="A50" s="292"/>
      <c r="B50" s="198" t="s">
        <v>20</v>
      </c>
      <c r="C50" s="199">
        <v>16</v>
      </c>
      <c r="D50" s="76">
        <v>97</v>
      </c>
      <c r="E50" s="200">
        <v>111</v>
      </c>
      <c r="F50" s="196">
        <v>104</v>
      </c>
      <c r="G50" s="200">
        <v>24</v>
      </c>
      <c r="H50" s="197">
        <v>0.23076923076923078</v>
      </c>
      <c r="I50" s="76">
        <v>51</v>
      </c>
      <c r="J50" s="200">
        <v>58</v>
      </c>
      <c r="K50" s="196">
        <v>54.5</v>
      </c>
      <c r="L50" s="200">
        <v>11</v>
      </c>
      <c r="M50" s="197">
        <v>0.20183486238532111</v>
      </c>
      <c r="N50" s="76">
        <v>46</v>
      </c>
      <c r="O50" s="200">
        <v>53</v>
      </c>
      <c r="P50" s="196">
        <v>49.5</v>
      </c>
      <c r="Q50" s="200">
        <v>13</v>
      </c>
      <c r="R50" s="197">
        <v>0.26262626262626265</v>
      </c>
    </row>
    <row r="51" spans="1:18" ht="35.1" customHeight="1" thickBot="1" x14ac:dyDescent="0.2">
      <c r="A51" s="292"/>
      <c r="B51" s="198" t="s">
        <v>18</v>
      </c>
      <c r="C51" s="199">
        <v>30</v>
      </c>
      <c r="D51" s="76">
        <v>188</v>
      </c>
      <c r="E51" s="200">
        <v>199</v>
      </c>
      <c r="F51" s="196">
        <v>193.5</v>
      </c>
      <c r="G51" s="200">
        <v>46</v>
      </c>
      <c r="H51" s="197">
        <v>0.23772609819121446</v>
      </c>
      <c r="I51" s="76">
        <v>101</v>
      </c>
      <c r="J51" s="200">
        <v>110</v>
      </c>
      <c r="K51" s="196">
        <v>105.5</v>
      </c>
      <c r="L51" s="200">
        <v>19</v>
      </c>
      <c r="M51" s="197">
        <v>0.18009478672985782</v>
      </c>
      <c r="N51" s="76">
        <v>87</v>
      </c>
      <c r="O51" s="200">
        <v>89</v>
      </c>
      <c r="P51" s="196">
        <v>88</v>
      </c>
      <c r="Q51" s="200">
        <v>27</v>
      </c>
      <c r="R51" s="197">
        <v>0.30681818181818182</v>
      </c>
    </row>
    <row r="52" spans="1:18" ht="35.1" customHeight="1" thickBot="1" x14ac:dyDescent="0.2">
      <c r="A52" s="292"/>
      <c r="B52" s="201" t="s">
        <v>21</v>
      </c>
      <c r="C52" s="202">
        <v>12</v>
      </c>
      <c r="D52" s="77">
        <v>55</v>
      </c>
      <c r="E52" s="203">
        <v>59</v>
      </c>
      <c r="F52" s="204">
        <v>57</v>
      </c>
      <c r="G52" s="203">
        <v>15</v>
      </c>
      <c r="H52" s="210">
        <v>0.26315789473684209</v>
      </c>
      <c r="I52" s="77">
        <v>41</v>
      </c>
      <c r="J52" s="203">
        <v>40</v>
      </c>
      <c r="K52" s="204">
        <v>40.5</v>
      </c>
      <c r="L52" s="203">
        <v>11</v>
      </c>
      <c r="M52" s="210">
        <v>0.27160493827160492</v>
      </c>
      <c r="N52" s="77">
        <v>14</v>
      </c>
      <c r="O52" s="203">
        <v>19</v>
      </c>
      <c r="P52" s="204">
        <v>16.5</v>
      </c>
      <c r="Q52" s="203">
        <v>4</v>
      </c>
      <c r="R52" s="210">
        <v>0.24242424242424243</v>
      </c>
    </row>
    <row r="53" spans="1:18" ht="35.1" customHeight="1" thickTop="1" thickBot="1" x14ac:dyDescent="0.2">
      <c r="A53" s="292"/>
      <c r="B53" s="206" t="s">
        <v>23</v>
      </c>
      <c r="C53" s="207">
        <v>254</v>
      </c>
      <c r="D53" s="78">
        <v>1564</v>
      </c>
      <c r="E53" s="113">
        <v>1696</v>
      </c>
      <c r="F53" s="208">
        <v>1630</v>
      </c>
      <c r="G53" s="113">
        <v>426</v>
      </c>
      <c r="H53" s="209">
        <v>0.26134969325153373</v>
      </c>
      <c r="I53" s="78">
        <v>856</v>
      </c>
      <c r="J53" s="113">
        <v>908</v>
      </c>
      <c r="K53" s="208">
        <v>882</v>
      </c>
      <c r="L53" s="113">
        <v>184</v>
      </c>
      <c r="M53" s="209">
        <v>0.20861678004535147</v>
      </c>
      <c r="N53" s="78">
        <v>708</v>
      </c>
      <c r="O53" s="113">
        <v>788</v>
      </c>
      <c r="P53" s="208">
        <v>748</v>
      </c>
      <c r="Q53" s="113">
        <v>242</v>
      </c>
      <c r="R53" s="209">
        <v>0.3235294117647059</v>
      </c>
    </row>
    <row r="54" spans="1:18" s="217" customFormat="1" ht="35.1" customHeight="1" x14ac:dyDescent="0.15"/>
    <row r="55" spans="1:18" s="217" customFormat="1" ht="30" customHeight="1" x14ac:dyDescent="0.15"/>
    <row r="56" spans="1:18" s="217" customFormat="1" ht="30" customHeight="1" x14ac:dyDescent="0.15"/>
  </sheetData>
  <mergeCells count="33">
    <mergeCell ref="N4:R4"/>
    <mergeCell ref="A4:A5"/>
    <mergeCell ref="B4:B5"/>
    <mergeCell ref="C4:C5"/>
    <mergeCell ref="D4:H4"/>
    <mergeCell ref="I4:M4"/>
    <mergeCell ref="A6:A11"/>
    <mergeCell ref="A12:A17"/>
    <mergeCell ref="A20:A21"/>
    <mergeCell ref="B20:C21"/>
    <mergeCell ref="D20:H20"/>
    <mergeCell ref="N20:R20"/>
    <mergeCell ref="A22:A26"/>
    <mergeCell ref="B22:C22"/>
    <mergeCell ref="B23:C23"/>
    <mergeCell ref="B24:C24"/>
    <mergeCell ref="B25:C25"/>
    <mergeCell ref="B26:C26"/>
    <mergeCell ref="I20:M20"/>
    <mergeCell ref="D34:H34"/>
    <mergeCell ref="I34:M34"/>
    <mergeCell ref="N34:R34"/>
    <mergeCell ref="A27:A31"/>
    <mergeCell ref="B27:C27"/>
    <mergeCell ref="B28:C28"/>
    <mergeCell ref="B29:C29"/>
    <mergeCell ref="B30:C30"/>
    <mergeCell ref="B31:C31"/>
    <mergeCell ref="A36:A44"/>
    <mergeCell ref="A45:A53"/>
    <mergeCell ref="A34:A35"/>
    <mergeCell ref="B34:B35"/>
    <mergeCell ref="C34:C35"/>
  </mergeCells>
  <phoneticPr fontId="8"/>
  <printOptions horizontalCentered="1"/>
  <pageMargins left="3.937007874015748E-2" right="3.937007874015748E-2" top="0.35433070866141736" bottom="0.35433070866141736" header="0.31496062992125984" footer="0.31496062992125984"/>
  <pageSetup paperSize="9" scale="51" fitToHeight="2" orientation="landscape" r:id="rId1"/>
  <rowBreaks count="1" manualBreakCount="1">
    <brk id="31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X38"/>
  <sheetViews>
    <sheetView view="pageBreakPreview" zoomScale="60" zoomScaleNormal="60" workbookViewId="0"/>
  </sheetViews>
  <sheetFormatPr defaultRowHeight="17.25" x14ac:dyDescent="0.15"/>
  <cols>
    <col min="1" max="2" width="9" style="1"/>
    <col min="3" max="3" width="14.625" style="1" customWidth="1"/>
    <col min="4" max="24" width="10.625" style="1" customWidth="1"/>
    <col min="25" max="25" width="12.625" style="1" customWidth="1"/>
    <col min="26" max="16384" width="9" style="1"/>
  </cols>
  <sheetData>
    <row r="1" spans="1:24" ht="30" customHeight="1" x14ac:dyDescent="0.15">
      <c r="C1" s="66" t="s">
        <v>123</v>
      </c>
      <c r="G1" s="13" t="s">
        <v>159</v>
      </c>
    </row>
    <row r="2" spans="1:24" ht="30" customHeight="1" thickBot="1" x14ac:dyDescent="0.2">
      <c r="C2" s="1" t="s">
        <v>51</v>
      </c>
    </row>
    <row r="3" spans="1:24" ht="39.950000000000003" customHeight="1" thickTop="1" thickBot="1" x14ac:dyDescent="0.2">
      <c r="A3" s="313"/>
      <c r="B3" s="349" t="s">
        <v>83</v>
      </c>
      <c r="C3" s="322" t="s">
        <v>1</v>
      </c>
      <c r="D3" s="322" t="s">
        <v>52</v>
      </c>
      <c r="E3" s="323"/>
      <c r="F3" s="323"/>
      <c r="G3" s="323"/>
      <c r="H3" s="323"/>
      <c r="I3" s="323"/>
      <c r="J3" s="323"/>
      <c r="K3" s="323"/>
      <c r="L3" s="324"/>
      <c r="M3" s="322" t="s">
        <v>53</v>
      </c>
      <c r="N3" s="323"/>
      <c r="O3" s="323"/>
      <c r="P3" s="323"/>
      <c r="Q3" s="323"/>
      <c r="R3" s="323"/>
      <c r="S3" s="323"/>
      <c r="T3" s="323"/>
      <c r="U3" s="324"/>
      <c r="V3" s="328" t="s">
        <v>54</v>
      </c>
      <c r="W3" s="329"/>
      <c r="X3" s="330"/>
    </row>
    <row r="4" spans="1:24" ht="39.950000000000003" customHeight="1" thickTop="1" thickBot="1" x14ac:dyDescent="0.2">
      <c r="A4" s="313"/>
      <c r="B4" s="350"/>
      <c r="C4" s="352"/>
      <c r="D4" s="334" t="s">
        <v>55</v>
      </c>
      <c r="E4" s="335"/>
      <c r="F4" s="336"/>
      <c r="G4" s="335" t="s">
        <v>56</v>
      </c>
      <c r="H4" s="335"/>
      <c r="I4" s="336"/>
      <c r="J4" s="340" t="s">
        <v>57</v>
      </c>
      <c r="K4" s="335"/>
      <c r="L4" s="341"/>
      <c r="M4" s="334" t="s">
        <v>55</v>
      </c>
      <c r="N4" s="335"/>
      <c r="O4" s="336"/>
      <c r="P4" s="340" t="s">
        <v>56</v>
      </c>
      <c r="Q4" s="335"/>
      <c r="R4" s="336"/>
      <c r="S4" s="340" t="s">
        <v>57</v>
      </c>
      <c r="T4" s="335"/>
      <c r="U4" s="341"/>
      <c r="V4" s="331"/>
      <c r="W4" s="332"/>
      <c r="X4" s="333"/>
    </row>
    <row r="5" spans="1:24" ht="39.950000000000003" customHeight="1" thickTop="1" thickBot="1" x14ac:dyDescent="0.2">
      <c r="A5" s="316"/>
      <c r="B5" s="351"/>
      <c r="C5" s="353"/>
      <c r="D5" s="121" t="s">
        <v>58</v>
      </c>
      <c r="E5" s="122" t="s">
        <v>59</v>
      </c>
      <c r="F5" s="123" t="s">
        <v>60</v>
      </c>
      <c r="G5" s="124" t="s">
        <v>58</v>
      </c>
      <c r="H5" s="122" t="s">
        <v>59</v>
      </c>
      <c r="I5" s="123" t="s">
        <v>60</v>
      </c>
      <c r="J5" s="124" t="s">
        <v>58</v>
      </c>
      <c r="K5" s="125" t="s">
        <v>59</v>
      </c>
      <c r="L5" s="126" t="s">
        <v>60</v>
      </c>
      <c r="M5" s="121" t="s">
        <v>58</v>
      </c>
      <c r="N5" s="122" t="s">
        <v>59</v>
      </c>
      <c r="O5" s="123" t="s">
        <v>60</v>
      </c>
      <c r="P5" s="124" t="s">
        <v>58</v>
      </c>
      <c r="Q5" s="122" t="s">
        <v>59</v>
      </c>
      <c r="R5" s="123" t="s">
        <v>60</v>
      </c>
      <c r="S5" s="124" t="s">
        <v>58</v>
      </c>
      <c r="T5" s="122" t="s">
        <v>59</v>
      </c>
      <c r="U5" s="127" t="s">
        <v>60</v>
      </c>
      <c r="V5" s="121" t="s">
        <v>58</v>
      </c>
      <c r="W5" s="122" t="s">
        <v>59</v>
      </c>
      <c r="X5" s="14" t="s">
        <v>60</v>
      </c>
    </row>
    <row r="6" spans="1:24" ht="39.950000000000003" customHeight="1" thickTop="1" thickBot="1" x14ac:dyDescent="0.2">
      <c r="A6" s="354" t="s">
        <v>49</v>
      </c>
      <c r="B6" s="314">
        <v>112</v>
      </c>
      <c r="C6" s="128" t="s">
        <v>45</v>
      </c>
      <c r="D6" s="15">
        <v>0</v>
      </c>
      <c r="E6" s="16">
        <v>1</v>
      </c>
      <c r="F6" s="23">
        <v>1</v>
      </c>
      <c r="G6" s="18">
        <v>0</v>
      </c>
      <c r="H6" s="16">
        <v>0</v>
      </c>
      <c r="I6" s="23">
        <v>0</v>
      </c>
      <c r="J6" s="18">
        <v>0</v>
      </c>
      <c r="K6" s="19">
        <v>1</v>
      </c>
      <c r="L6" s="27">
        <v>1</v>
      </c>
      <c r="M6" s="15">
        <v>2</v>
      </c>
      <c r="N6" s="16">
        <v>0</v>
      </c>
      <c r="O6" s="23">
        <v>2</v>
      </c>
      <c r="P6" s="18">
        <v>0</v>
      </c>
      <c r="Q6" s="16">
        <v>0</v>
      </c>
      <c r="R6" s="23">
        <v>0</v>
      </c>
      <c r="S6" s="18">
        <v>2</v>
      </c>
      <c r="T6" s="19">
        <v>0</v>
      </c>
      <c r="U6" s="27">
        <v>2</v>
      </c>
      <c r="V6" s="15">
        <v>2</v>
      </c>
      <c r="W6" s="19">
        <v>1</v>
      </c>
      <c r="X6" s="43">
        <v>3</v>
      </c>
    </row>
    <row r="7" spans="1:24" ht="39.950000000000003" customHeight="1" thickTop="1" thickBot="1" x14ac:dyDescent="0.2">
      <c r="A7" s="355"/>
      <c r="B7" s="314"/>
      <c r="C7" s="129" t="s">
        <v>22</v>
      </c>
      <c r="D7" s="21">
        <v>5</v>
      </c>
      <c r="E7" s="22">
        <v>2</v>
      </c>
      <c r="F7" s="79">
        <v>7</v>
      </c>
      <c r="G7" s="7">
        <v>4</v>
      </c>
      <c r="H7" s="22">
        <v>1</v>
      </c>
      <c r="I7" s="79">
        <v>5</v>
      </c>
      <c r="J7" s="7">
        <v>1</v>
      </c>
      <c r="K7" s="22">
        <v>1</v>
      </c>
      <c r="L7" s="81">
        <v>2</v>
      </c>
      <c r="M7" s="21">
        <v>20</v>
      </c>
      <c r="N7" s="22">
        <v>6</v>
      </c>
      <c r="O7" s="79">
        <v>26</v>
      </c>
      <c r="P7" s="7">
        <v>8</v>
      </c>
      <c r="Q7" s="22">
        <v>2</v>
      </c>
      <c r="R7" s="79">
        <v>10</v>
      </c>
      <c r="S7" s="7">
        <v>12</v>
      </c>
      <c r="T7" s="22">
        <v>4</v>
      </c>
      <c r="U7" s="81">
        <v>16</v>
      </c>
      <c r="V7" s="21">
        <v>25</v>
      </c>
      <c r="W7" s="83">
        <v>8</v>
      </c>
      <c r="X7" s="28">
        <v>33</v>
      </c>
    </row>
    <row r="8" spans="1:24" ht="39.950000000000003" customHeight="1" thickTop="1" thickBot="1" x14ac:dyDescent="0.2">
      <c r="A8" s="355"/>
      <c r="B8" s="314"/>
      <c r="C8" s="129" t="s">
        <v>46</v>
      </c>
      <c r="D8" s="157" t="s">
        <v>183</v>
      </c>
      <c r="E8" s="22">
        <v>8</v>
      </c>
      <c r="F8" s="159" t="s">
        <v>146</v>
      </c>
      <c r="G8" s="158" t="s">
        <v>182</v>
      </c>
      <c r="H8" s="22">
        <v>5</v>
      </c>
      <c r="I8" s="159" t="s">
        <v>152</v>
      </c>
      <c r="J8" s="7">
        <v>0</v>
      </c>
      <c r="K8" s="22">
        <v>3</v>
      </c>
      <c r="L8" s="81">
        <v>3</v>
      </c>
      <c r="M8" s="21">
        <v>124</v>
      </c>
      <c r="N8" s="22">
        <v>44</v>
      </c>
      <c r="O8" s="79">
        <v>168</v>
      </c>
      <c r="P8" s="7">
        <v>53</v>
      </c>
      <c r="Q8" s="22">
        <v>18</v>
      </c>
      <c r="R8" s="79">
        <v>71</v>
      </c>
      <c r="S8" s="7">
        <v>71</v>
      </c>
      <c r="T8" s="22">
        <v>26</v>
      </c>
      <c r="U8" s="81">
        <v>97</v>
      </c>
      <c r="V8" s="157" t="s">
        <v>145</v>
      </c>
      <c r="W8" s="83">
        <v>52</v>
      </c>
      <c r="X8" s="81" t="s">
        <v>147</v>
      </c>
    </row>
    <row r="9" spans="1:24" ht="39.950000000000003" customHeight="1" thickTop="1" thickBot="1" x14ac:dyDescent="0.2">
      <c r="A9" s="355"/>
      <c r="B9" s="314"/>
      <c r="C9" s="129" t="s">
        <v>47</v>
      </c>
      <c r="D9" s="21">
        <v>5</v>
      </c>
      <c r="E9" s="22">
        <v>1</v>
      </c>
      <c r="F9" s="79">
        <v>6</v>
      </c>
      <c r="G9" s="7">
        <v>3</v>
      </c>
      <c r="H9" s="22">
        <v>0</v>
      </c>
      <c r="I9" s="79">
        <v>3</v>
      </c>
      <c r="J9" s="7">
        <v>2</v>
      </c>
      <c r="K9" s="22">
        <v>1</v>
      </c>
      <c r="L9" s="81">
        <v>3</v>
      </c>
      <c r="M9" s="21">
        <v>51</v>
      </c>
      <c r="N9" s="22">
        <v>26</v>
      </c>
      <c r="O9" s="79">
        <v>77</v>
      </c>
      <c r="P9" s="7">
        <v>25</v>
      </c>
      <c r="Q9" s="22">
        <v>7</v>
      </c>
      <c r="R9" s="79">
        <v>32</v>
      </c>
      <c r="S9" s="7">
        <v>26</v>
      </c>
      <c r="T9" s="22">
        <v>19</v>
      </c>
      <c r="U9" s="81">
        <v>45</v>
      </c>
      <c r="V9" s="21">
        <v>56</v>
      </c>
      <c r="W9" s="83">
        <v>27</v>
      </c>
      <c r="X9" s="28">
        <v>83</v>
      </c>
    </row>
    <row r="10" spans="1:24" ht="39.950000000000003" customHeight="1" thickTop="1" thickBot="1" x14ac:dyDescent="0.2">
      <c r="A10" s="355"/>
      <c r="B10" s="314"/>
      <c r="C10" s="130" t="s">
        <v>129</v>
      </c>
      <c r="D10" s="29">
        <v>0</v>
      </c>
      <c r="E10" s="30">
        <v>0</v>
      </c>
      <c r="F10" s="80">
        <v>0</v>
      </c>
      <c r="G10" s="10">
        <v>0</v>
      </c>
      <c r="H10" s="30">
        <v>0</v>
      </c>
      <c r="I10" s="80">
        <v>0</v>
      </c>
      <c r="J10" s="10">
        <v>0</v>
      </c>
      <c r="K10" s="30">
        <v>0</v>
      </c>
      <c r="L10" s="82">
        <v>0</v>
      </c>
      <c r="M10" s="29">
        <v>0</v>
      </c>
      <c r="N10" s="30">
        <v>0</v>
      </c>
      <c r="O10" s="80">
        <v>0</v>
      </c>
      <c r="P10" s="10">
        <v>0</v>
      </c>
      <c r="Q10" s="30">
        <v>0</v>
      </c>
      <c r="R10" s="80">
        <v>0</v>
      </c>
      <c r="S10" s="10">
        <v>0</v>
      </c>
      <c r="T10" s="30">
        <v>0</v>
      </c>
      <c r="U10" s="82">
        <v>0</v>
      </c>
      <c r="V10" s="29">
        <v>0</v>
      </c>
      <c r="W10" s="84">
        <v>0</v>
      </c>
      <c r="X10" s="33">
        <v>0</v>
      </c>
    </row>
    <row r="11" spans="1:24" ht="39.950000000000003" customHeight="1" thickTop="1" thickBot="1" x14ac:dyDescent="0.2">
      <c r="A11" s="355"/>
      <c r="B11" s="312"/>
      <c r="C11" s="131" t="s">
        <v>61</v>
      </c>
      <c r="D11" s="160" t="s">
        <v>148</v>
      </c>
      <c r="E11" s="35">
        <v>12</v>
      </c>
      <c r="F11" s="161" t="s">
        <v>149</v>
      </c>
      <c r="G11" s="162" t="s">
        <v>153</v>
      </c>
      <c r="H11" s="35">
        <v>6</v>
      </c>
      <c r="I11" s="161" t="s">
        <v>154</v>
      </c>
      <c r="J11" s="38">
        <v>3</v>
      </c>
      <c r="K11" s="35">
        <v>6</v>
      </c>
      <c r="L11" s="40">
        <v>9</v>
      </c>
      <c r="M11" s="34">
        <v>197</v>
      </c>
      <c r="N11" s="35">
        <v>76</v>
      </c>
      <c r="O11" s="36">
        <v>273</v>
      </c>
      <c r="P11" s="38">
        <v>86</v>
      </c>
      <c r="Q11" s="35">
        <v>27</v>
      </c>
      <c r="R11" s="36">
        <v>113</v>
      </c>
      <c r="S11" s="38">
        <v>111</v>
      </c>
      <c r="T11" s="35">
        <v>49</v>
      </c>
      <c r="U11" s="41">
        <v>160</v>
      </c>
      <c r="V11" s="160" t="s">
        <v>150</v>
      </c>
      <c r="W11" s="85">
        <v>88</v>
      </c>
      <c r="X11" s="40" t="s">
        <v>151</v>
      </c>
    </row>
    <row r="12" spans="1:24" ht="39.950000000000003" customHeight="1" thickTop="1" thickBot="1" x14ac:dyDescent="0.2">
      <c r="A12" s="312" t="s">
        <v>50</v>
      </c>
      <c r="B12" s="314">
        <v>254</v>
      </c>
      <c r="C12" s="132" t="s">
        <v>45</v>
      </c>
      <c r="D12" s="87">
        <v>1</v>
      </c>
      <c r="E12" s="88">
        <v>0</v>
      </c>
      <c r="F12" s="89">
        <v>1</v>
      </c>
      <c r="G12" s="90">
        <v>1</v>
      </c>
      <c r="H12" s="88">
        <v>0</v>
      </c>
      <c r="I12" s="89">
        <v>1</v>
      </c>
      <c r="J12" s="91">
        <v>0</v>
      </c>
      <c r="K12" s="92">
        <v>0</v>
      </c>
      <c r="L12" s="93">
        <v>0</v>
      </c>
      <c r="M12" s="87">
        <v>16</v>
      </c>
      <c r="N12" s="88">
        <v>6</v>
      </c>
      <c r="O12" s="89">
        <v>22</v>
      </c>
      <c r="P12" s="91">
        <v>6</v>
      </c>
      <c r="Q12" s="88">
        <v>1</v>
      </c>
      <c r="R12" s="89">
        <v>7</v>
      </c>
      <c r="S12" s="91">
        <v>10</v>
      </c>
      <c r="T12" s="94">
        <v>5</v>
      </c>
      <c r="U12" s="95">
        <v>15</v>
      </c>
      <c r="V12" s="87">
        <v>17</v>
      </c>
      <c r="W12" s="94">
        <v>6</v>
      </c>
      <c r="X12" s="96">
        <v>23</v>
      </c>
    </row>
    <row r="13" spans="1:24" ht="39.950000000000003" customHeight="1" thickTop="1" thickBot="1" x14ac:dyDescent="0.2">
      <c r="A13" s="313"/>
      <c r="B13" s="314"/>
      <c r="C13" s="133" t="s">
        <v>22</v>
      </c>
      <c r="D13" s="61">
        <v>8</v>
      </c>
      <c r="E13" s="62">
        <v>11</v>
      </c>
      <c r="F13" s="23">
        <v>19</v>
      </c>
      <c r="G13" s="24">
        <v>7</v>
      </c>
      <c r="H13" s="22">
        <v>2</v>
      </c>
      <c r="I13" s="23">
        <v>9</v>
      </c>
      <c r="J13" s="7">
        <v>1</v>
      </c>
      <c r="K13" s="25">
        <v>9</v>
      </c>
      <c r="L13" s="26">
        <v>10</v>
      </c>
      <c r="M13" s="61">
        <v>99</v>
      </c>
      <c r="N13" s="62">
        <v>32</v>
      </c>
      <c r="O13" s="23">
        <v>131</v>
      </c>
      <c r="P13" s="7">
        <v>38</v>
      </c>
      <c r="Q13" s="22">
        <v>10</v>
      </c>
      <c r="R13" s="23">
        <v>48</v>
      </c>
      <c r="S13" s="7">
        <v>61</v>
      </c>
      <c r="T13" s="22">
        <v>22</v>
      </c>
      <c r="U13" s="27">
        <v>83</v>
      </c>
      <c r="V13" s="61">
        <v>107</v>
      </c>
      <c r="W13" s="63">
        <v>43</v>
      </c>
      <c r="X13" s="43">
        <v>150</v>
      </c>
    </row>
    <row r="14" spans="1:24" ht="39.950000000000003" customHeight="1" thickTop="1" thickBot="1" x14ac:dyDescent="0.2">
      <c r="A14" s="313"/>
      <c r="B14" s="314"/>
      <c r="C14" s="133" t="s">
        <v>46</v>
      </c>
      <c r="D14" s="61">
        <v>20</v>
      </c>
      <c r="E14" s="62">
        <v>12</v>
      </c>
      <c r="F14" s="23">
        <v>32</v>
      </c>
      <c r="G14" s="24">
        <v>11</v>
      </c>
      <c r="H14" s="22">
        <v>6</v>
      </c>
      <c r="I14" s="23">
        <v>17</v>
      </c>
      <c r="J14" s="7">
        <v>9</v>
      </c>
      <c r="K14" s="25">
        <v>6</v>
      </c>
      <c r="L14" s="26">
        <v>15</v>
      </c>
      <c r="M14" s="61">
        <v>175</v>
      </c>
      <c r="N14" s="62">
        <v>54</v>
      </c>
      <c r="O14" s="23">
        <v>229</v>
      </c>
      <c r="P14" s="7">
        <v>74</v>
      </c>
      <c r="Q14" s="22">
        <v>18</v>
      </c>
      <c r="R14" s="23">
        <v>92</v>
      </c>
      <c r="S14" s="7">
        <v>101</v>
      </c>
      <c r="T14" s="22">
        <v>36</v>
      </c>
      <c r="U14" s="27">
        <v>137</v>
      </c>
      <c r="V14" s="61">
        <v>195</v>
      </c>
      <c r="W14" s="63">
        <v>66</v>
      </c>
      <c r="X14" s="43">
        <v>261</v>
      </c>
    </row>
    <row r="15" spans="1:24" ht="39.950000000000003" customHeight="1" thickTop="1" thickBot="1" x14ac:dyDescent="0.2">
      <c r="A15" s="313"/>
      <c r="B15" s="314"/>
      <c r="C15" s="133" t="s">
        <v>47</v>
      </c>
      <c r="D15" s="61">
        <v>8</v>
      </c>
      <c r="E15" s="62">
        <v>6</v>
      </c>
      <c r="F15" s="23">
        <v>14</v>
      </c>
      <c r="G15" s="24">
        <v>6</v>
      </c>
      <c r="H15" s="22">
        <v>4</v>
      </c>
      <c r="I15" s="23">
        <v>10</v>
      </c>
      <c r="J15" s="7">
        <v>2</v>
      </c>
      <c r="K15" s="25">
        <v>2</v>
      </c>
      <c r="L15" s="26">
        <v>4</v>
      </c>
      <c r="M15" s="61">
        <v>17</v>
      </c>
      <c r="N15" s="62">
        <v>6</v>
      </c>
      <c r="O15" s="23">
        <v>23</v>
      </c>
      <c r="P15" s="7">
        <v>10</v>
      </c>
      <c r="Q15" s="22">
        <v>1</v>
      </c>
      <c r="R15" s="23">
        <v>11</v>
      </c>
      <c r="S15" s="7">
        <v>7</v>
      </c>
      <c r="T15" s="22">
        <v>5</v>
      </c>
      <c r="U15" s="27">
        <v>12</v>
      </c>
      <c r="V15" s="61">
        <v>25</v>
      </c>
      <c r="W15" s="63">
        <v>12</v>
      </c>
      <c r="X15" s="43">
        <v>37</v>
      </c>
    </row>
    <row r="16" spans="1:24" ht="39.950000000000003" customHeight="1" thickTop="1" thickBot="1" x14ac:dyDescent="0.2">
      <c r="A16" s="313"/>
      <c r="B16" s="314"/>
      <c r="C16" s="134" t="s">
        <v>48</v>
      </c>
      <c r="D16" s="29">
        <v>0</v>
      </c>
      <c r="E16" s="30">
        <v>0</v>
      </c>
      <c r="F16" s="80">
        <v>0</v>
      </c>
      <c r="G16" s="31">
        <v>0</v>
      </c>
      <c r="H16" s="30">
        <v>0</v>
      </c>
      <c r="I16" s="80">
        <v>0</v>
      </c>
      <c r="J16" s="10">
        <v>0</v>
      </c>
      <c r="K16" s="32">
        <v>0</v>
      </c>
      <c r="L16" s="86">
        <v>0</v>
      </c>
      <c r="M16" s="29">
        <v>21</v>
      </c>
      <c r="N16" s="30">
        <v>9</v>
      </c>
      <c r="O16" s="80">
        <v>30</v>
      </c>
      <c r="P16" s="10">
        <v>11</v>
      </c>
      <c r="Q16" s="30">
        <v>2</v>
      </c>
      <c r="R16" s="80">
        <v>13</v>
      </c>
      <c r="S16" s="10">
        <v>10</v>
      </c>
      <c r="T16" s="30">
        <v>7</v>
      </c>
      <c r="U16" s="82">
        <v>17</v>
      </c>
      <c r="V16" s="29">
        <v>21</v>
      </c>
      <c r="W16" s="84">
        <v>9</v>
      </c>
      <c r="X16" s="33">
        <v>30</v>
      </c>
    </row>
    <row r="17" spans="1:24" ht="39.950000000000003" customHeight="1" thickTop="1" thickBot="1" x14ac:dyDescent="0.2">
      <c r="A17" s="313"/>
      <c r="B17" s="312"/>
      <c r="C17" s="135" t="s">
        <v>61</v>
      </c>
      <c r="D17" s="34">
        <v>37</v>
      </c>
      <c r="E17" s="35">
        <v>29</v>
      </c>
      <c r="F17" s="36">
        <v>66</v>
      </c>
      <c r="G17" s="97">
        <v>25</v>
      </c>
      <c r="H17" s="98">
        <v>12</v>
      </c>
      <c r="I17" s="37">
        <v>37</v>
      </c>
      <c r="J17" s="97">
        <v>12</v>
      </c>
      <c r="K17" s="37">
        <v>17</v>
      </c>
      <c r="L17" s="39">
        <v>29</v>
      </c>
      <c r="M17" s="34">
        <v>328</v>
      </c>
      <c r="N17" s="35">
        <v>107</v>
      </c>
      <c r="O17" s="36">
        <v>435</v>
      </c>
      <c r="P17" s="97">
        <v>139</v>
      </c>
      <c r="Q17" s="99">
        <v>32</v>
      </c>
      <c r="R17" s="37">
        <v>171</v>
      </c>
      <c r="S17" s="97">
        <v>189</v>
      </c>
      <c r="T17" s="99">
        <v>75</v>
      </c>
      <c r="U17" s="41">
        <v>264</v>
      </c>
      <c r="V17" s="34">
        <v>365</v>
      </c>
      <c r="W17" s="85">
        <v>136</v>
      </c>
      <c r="X17" s="41">
        <v>501</v>
      </c>
    </row>
    <row r="18" spans="1:24" ht="39.950000000000003" customHeight="1" thickTop="1" x14ac:dyDescent="0.15">
      <c r="C18" s="136"/>
      <c r="E18" s="13"/>
      <c r="F18" s="13"/>
      <c r="G18" s="13"/>
      <c r="H18" s="13"/>
      <c r="I18" s="13"/>
      <c r="J18" s="13"/>
      <c r="K18" s="13"/>
      <c r="L18" s="42"/>
      <c r="M18" s="13"/>
      <c r="N18" s="13"/>
      <c r="O18" s="13"/>
      <c r="P18" s="13"/>
      <c r="Q18" s="13"/>
      <c r="R18" s="13"/>
      <c r="S18" s="13"/>
      <c r="T18" s="13"/>
      <c r="U18" s="42"/>
      <c r="V18" s="13"/>
      <c r="W18" s="13"/>
      <c r="X18" s="13"/>
    </row>
    <row r="19" spans="1:24" ht="39.950000000000003" customHeight="1" x14ac:dyDescent="0.15">
      <c r="C19" s="136"/>
      <c r="D19" s="13"/>
      <c r="E19" s="13"/>
      <c r="F19" s="13"/>
      <c r="G19" s="13"/>
      <c r="H19" s="13"/>
      <c r="I19" s="13"/>
      <c r="J19" s="13"/>
      <c r="K19" s="13"/>
      <c r="L19" s="42"/>
      <c r="M19" s="13"/>
      <c r="N19" s="13"/>
      <c r="O19" s="13"/>
      <c r="P19" s="13"/>
      <c r="Q19" s="13"/>
      <c r="R19" s="13"/>
      <c r="S19" s="13"/>
      <c r="T19" s="13"/>
      <c r="U19" s="42"/>
      <c r="V19" s="13"/>
      <c r="W19" s="13"/>
      <c r="X19" s="13"/>
    </row>
    <row r="20" spans="1:24" ht="39.950000000000003" customHeight="1" thickBot="1" x14ac:dyDescent="0.2">
      <c r="C20" s="1" t="s">
        <v>62</v>
      </c>
    </row>
    <row r="21" spans="1:24" ht="39.950000000000003" customHeight="1" thickTop="1" thickBot="1" x14ac:dyDescent="0.2">
      <c r="A21" s="313"/>
      <c r="B21" s="317" t="s">
        <v>83</v>
      </c>
      <c r="C21" s="319" t="s">
        <v>39</v>
      </c>
      <c r="D21" s="322" t="s">
        <v>52</v>
      </c>
      <c r="E21" s="323"/>
      <c r="F21" s="323"/>
      <c r="G21" s="323"/>
      <c r="H21" s="323"/>
      <c r="I21" s="323"/>
      <c r="J21" s="323"/>
      <c r="K21" s="323"/>
      <c r="L21" s="324"/>
      <c r="M21" s="325" t="s">
        <v>53</v>
      </c>
      <c r="N21" s="326"/>
      <c r="O21" s="326"/>
      <c r="P21" s="326"/>
      <c r="Q21" s="326"/>
      <c r="R21" s="326"/>
      <c r="S21" s="326"/>
      <c r="T21" s="326"/>
      <c r="U21" s="327"/>
      <c r="V21" s="328" t="s">
        <v>54</v>
      </c>
      <c r="W21" s="329"/>
      <c r="X21" s="330"/>
    </row>
    <row r="22" spans="1:24" ht="39.950000000000003" customHeight="1" thickTop="1" thickBot="1" x14ac:dyDescent="0.2">
      <c r="A22" s="313"/>
      <c r="B22" s="317"/>
      <c r="C22" s="320"/>
      <c r="D22" s="334" t="s">
        <v>55</v>
      </c>
      <c r="E22" s="335"/>
      <c r="F22" s="336"/>
      <c r="G22" s="340" t="s">
        <v>56</v>
      </c>
      <c r="H22" s="335"/>
      <c r="I22" s="336"/>
      <c r="J22" s="340" t="s">
        <v>57</v>
      </c>
      <c r="K22" s="335"/>
      <c r="L22" s="341"/>
      <c r="M22" s="342" t="s">
        <v>55</v>
      </c>
      <c r="N22" s="343"/>
      <c r="O22" s="344"/>
      <c r="P22" s="345" t="s">
        <v>56</v>
      </c>
      <c r="Q22" s="343"/>
      <c r="R22" s="344"/>
      <c r="S22" s="346" t="s">
        <v>57</v>
      </c>
      <c r="T22" s="347"/>
      <c r="U22" s="348"/>
      <c r="V22" s="337"/>
      <c r="W22" s="338"/>
      <c r="X22" s="339"/>
    </row>
    <row r="23" spans="1:24" ht="39.950000000000003" customHeight="1" thickTop="1" thickBot="1" x14ac:dyDescent="0.2">
      <c r="A23" s="316"/>
      <c r="B23" s="318"/>
      <c r="C23" s="321"/>
      <c r="D23" s="121" t="s">
        <v>58</v>
      </c>
      <c r="E23" s="122" t="s">
        <v>59</v>
      </c>
      <c r="F23" s="123" t="s">
        <v>60</v>
      </c>
      <c r="G23" s="124" t="s">
        <v>58</v>
      </c>
      <c r="H23" s="122" t="s">
        <v>59</v>
      </c>
      <c r="I23" s="123" t="s">
        <v>60</v>
      </c>
      <c r="J23" s="124" t="s">
        <v>58</v>
      </c>
      <c r="K23" s="122" t="s">
        <v>59</v>
      </c>
      <c r="L23" s="127" t="s">
        <v>60</v>
      </c>
      <c r="M23" s="121" t="s">
        <v>58</v>
      </c>
      <c r="N23" s="122" t="s">
        <v>59</v>
      </c>
      <c r="O23" s="123" t="s">
        <v>60</v>
      </c>
      <c r="P23" s="124" t="s">
        <v>58</v>
      </c>
      <c r="Q23" s="122" t="s">
        <v>59</v>
      </c>
      <c r="R23" s="123" t="s">
        <v>60</v>
      </c>
      <c r="S23" s="137" t="s">
        <v>58</v>
      </c>
      <c r="T23" s="122" t="s">
        <v>59</v>
      </c>
      <c r="U23" s="127" t="s">
        <v>60</v>
      </c>
      <c r="V23" s="121" t="s">
        <v>58</v>
      </c>
      <c r="W23" s="122" t="s">
        <v>59</v>
      </c>
      <c r="X23" s="14" t="s">
        <v>60</v>
      </c>
    </row>
    <row r="24" spans="1:24" ht="39.950000000000003" customHeight="1" thickTop="1" thickBot="1" x14ac:dyDescent="0.2">
      <c r="A24" s="312" t="s">
        <v>49</v>
      </c>
      <c r="B24" s="314">
        <v>112</v>
      </c>
      <c r="C24" s="138" t="s">
        <v>40</v>
      </c>
      <c r="D24" s="15">
        <v>0</v>
      </c>
      <c r="E24" s="16">
        <v>0</v>
      </c>
      <c r="F24" s="17">
        <v>0</v>
      </c>
      <c r="G24" s="18">
        <v>0</v>
      </c>
      <c r="H24" s="16">
        <v>0</v>
      </c>
      <c r="I24" s="17">
        <v>0</v>
      </c>
      <c r="J24" s="18">
        <v>0</v>
      </c>
      <c r="K24" s="19">
        <v>0</v>
      </c>
      <c r="L24" s="20">
        <v>0</v>
      </c>
      <c r="M24" s="15">
        <v>0</v>
      </c>
      <c r="N24" s="16">
        <v>0</v>
      </c>
      <c r="O24" s="17">
        <v>0</v>
      </c>
      <c r="P24" s="18">
        <v>0</v>
      </c>
      <c r="Q24" s="16">
        <v>0</v>
      </c>
      <c r="R24" s="17">
        <v>0</v>
      </c>
      <c r="S24" s="18">
        <v>0</v>
      </c>
      <c r="T24" s="19">
        <v>0</v>
      </c>
      <c r="U24" s="20">
        <v>0</v>
      </c>
      <c r="V24" s="15">
        <v>0</v>
      </c>
      <c r="W24" s="19">
        <v>0</v>
      </c>
      <c r="X24" s="43">
        <v>0</v>
      </c>
    </row>
    <row r="25" spans="1:24" ht="39.950000000000003" customHeight="1" thickTop="1" thickBot="1" x14ac:dyDescent="0.2">
      <c r="A25" s="313"/>
      <c r="B25" s="314"/>
      <c r="C25" s="139" t="s">
        <v>41</v>
      </c>
      <c r="D25" s="21">
        <v>0</v>
      </c>
      <c r="E25" s="22">
        <v>0</v>
      </c>
      <c r="F25" s="79">
        <v>0</v>
      </c>
      <c r="G25" s="7">
        <v>0</v>
      </c>
      <c r="H25" s="22">
        <v>0</v>
      </c>
      <c r="I25" s="79">
        <v>0</v>
      </c>
      <c r="J25" s="7">
        <v>0</v>
      </c>
      <c r="K25" s="22">
        <v>0</v>
      </c>
      <c r="L25" s="81">
        <v>0</v>
      </c>
      <c r="M25" s="21">
        <v>0</v>
      </c>
      <c r="N25" s="22">
        <v>0</v>
      </c>
      <c r="O25" s="79">
        <v>0</v>
      </c>
      <c r="P25" s="7">
        <v>0</v>
      </c>
      <c r="Q25" s="22">
        <v>0</v>
      </c>
      <c r="R25" s="79">
        <v>0</v>
      </c>
      <c r="S25" s="7">
        <v>0</v>
      </c>
      <c r="T25" s="22">
        <v>0</v>
      </c>
      <c r="U25" s="81">
        <v>0</v>
      </c>
      <c r="V25" s="21">
        <v>0</v>
      </c>
      <c r="W25" s="83">
        <v>0</v>
      </c>
      <c r="X25" s="28">
        <v>0</v>
      </c>
    </row>
    <row r="26" spans="1:24" ht="39.950000000000003" customHeight="1" thickTop="1" thickBot="1" x14ac:dyDescent="0.2">
      <c r="A26" s="313"/>
      <c r="B26" s="314"/>
      <c r="C26" s="139" t="s">
        <v>42</v>
      </c>
      <c r="D26" s="21">
        <v>10</v>
      </c>
      <c r="E26" s="22">
        <v>8</v>
      </c>
      <c r="F26" s="79">
        <v>18</v>
      </c>
      <c r="G26" s="7">
        <v>8</v>
      </c>
      <c r="H26" s="22">
        <v>6</v>
      </c>
      <c r="I26" s="79">
        <v>14</v>
      </c>
      <c r="J26" s="7">
        <v>2</v>
      </c>
      <c r="K26" s="22">
        <v>2</v>
      </c>
      <c r="L26" s="81">
        <v>4</v>
      </c>
      <c r="M26" s="21">
        <v>139</v>
      </c>
      <c r="N26" s="22">
        <v>55</v>
      </c>
      <c r="O26" s="79">
        <v>194</v>
      </c>
      <c r="P26" s="7">
        <v>63</v>
      </c>
      <c r="Q26" s="22">
        <v>19</v>
      </c>
      <c r="R26" s="79">
        <v>82</v>
      </c>
      <c r="S26" s="7">
        <v>76</v>
      </c>
      <c r="T26" s="22">
        <v>36</v>
      </c>
      <c r="U26" s="81">
        <v>112</v>
      </c>
      <c r="V26" s="21">
        <v>149</v>
      </c>
      <c r="W26" s="83">
        <v>63</v>
      </c>
      <c r="X26" s="28">
        <v>212</v>
      </c>
    </row>
    <row r="27" spans="1:24" ht="39.950000000000003" customHeight="1" thickTop="1" thickBot="1" x14ac:dyDescent="0.2">
      <c r="A27" s="313"/>
      <c r="B27" s="314"/>
      <c r="C27" s="140" t="s">
        <v>43</v>
      </c>
      <c r="D27" s="168" t="s">
        <v>184</v>
      </c>
      <c r="E27" s="30">
        <v>4</v>
      </c>
      <c r="F27" s="159" t="s">
        <v>155</v>
      </c>
      <c r="G27" s="169" t="s">
        <v>185</v>
      </c>
      <c r="H27" s="30">
        <v>0</v>
      </c>
      <c r="I27" s="159" t="s">
        <v>185</v>
      </c>
      <c r="J27" s="10">
        <v>1</v>
      </c>
      <c r="K27" s="30">
        <v>4</v>
      </c>
      <c r="L27" s="82">
        <v>5</v>
      </c>
      <c r="M27" s="29">
        <v>58</v>
      </c>
      <c r="N27" s="30">
        <v>21</v>
      </c>
      <c r="O27" s="80">
        <v>79</v>
      </c>
      <c r="P27" s="10">
        <v>23</v>
      </c>
      <c r="Q27" s="30">
        <v>8</v>
      </c>
      <c r="R27" s="80">
        <v>31</v>
      </c>
      <c r="S27" s="10">
        <v>35</v>
      </c>
      <c r="T27" s="30">
        <v>13</v>
      </c>
      <c r="U27" s="82">
        <v>48</v>
      </c>
      <c r="V27" s="157" t="s">
        <v>186</v>
      </c>
      <c r="W27" s="84">
        <v>25</v>
      </c>
      <c r="X27" s="82" t="s">
        <v>187</v>
      </c>
    </row>
    <row r="28" spans="1:24" ht="39.950000000000003" customHeight="1" thickTop="1" thickBot="1" x14ac:dyDescent="0.2">
      <c r="A28" s="313"/>
      <c r="B28" s="312"/>
      <c r="C28" s="141" t="s">
        <v>61</v>
      </c>
      <c r="D28" s="163" t="s">
        <v>148</v>
      </c>
      <c r="E28" s="99">
        <v>12</v>
      </c>
      <c r="F28" s="164" t="s">
        <v>149</v>
      </c>
      <c r="G28" s="165" t="s">
        <v>156</v>
      </c>
      <c r="H28" s="99">
        <v>6</v>
      </c>
      <c r="I28" s="164" t="s">
        <v>154</v>
      </c>
      <c r="J28" s="97">
        <v>3</v>
      </c>
      <c r="K28" s="99">
        <v>6</v>
      </c>
      <c r="L28" s="102">
        <v>9</v>
      </c>
      <c r="M28" s="100">
        <v>197</v>
      </c>
      <c r="N28" s="99">
        <v>76</v>
      </c>
      <c r="O28" s="101">
        <v>273</v>
      </c>
      <c r="P28" s="97">
        <v>86</v>
      </c>
      <c r="Q28" s="99">
        <v>27</v>
      </c>
      <c r="R28" s="101">
        <v>113</v>
      </c>
      <c r="S28" s="97">
        <v>111</v>
      </c>
      <c r="T28" s="99">
        <v>49</v>
      </c>
      <c r="U28" s="102">
        <v>160</v>
      </c>
      <c r="V28" s="166" t="s">
        <v>157</v>
      </c>
      <c r="W28" s="103">
        <v>88</v>
      </c>
      <c r="X28" s="167" t="s">
        <v>158</v>
      </c>
    </row>
    <row r="29" spans="1:24" ht="39.950000000000003" customHeight="1" thickTop="1" thickBot="1" x14ac:dyDescent="0.2">
      <c r="A29" s="312" t="s">
        <v>50</v>
      </c>
      <c r="B29" s="315">
        <v>254</v>
      </c>
      <c r="C29" s="142" t="s">
        <v>40</v>
      </c>
      <c r="D29" s="61">
        <v>1</v>
      </c>
      <c r="E29" s="62">
        <v>0</v>
      </c>
      <c r="F29" s="23">
        <v>1</v>
      </c>
      <c r="G29" s="3">
        <v>1</v>
      </c>
      <c r="H29" s="62">
        <v>0</v>
      </c>
      <c r="I29" s="23">
        <v>1</v>
      </c>
      <c r="J29" s="3">
        <v>0</v>
      </c>
      <c r="K29" s="63">
        <v>0</v>
      </c>
      <c r="L29" s="27">
        <v>0</v>
      </c>
      <c r="M29" s="61">
        <v>0</v>
      </c>
      <c r="N29" s="62">
        <v>1</v>
      </c>
      <c r="O29" s="23">
        <v>1</v>
      </c>
      <c r="P29" s="3">
        <v>0</v>
      </c>
      <c r="Q29" s="62">
        <v>1</v>
      </c>
      <c r="R29" s="23">
        <v>1</v>
      </c>
      <c r="S29" s="3">
        <v>0</v>
      </c>
      <c r="T29" s="63">
        <v>0</v>
      </c>
      <c r="U29" s="27">
        <v>0</v>
      </c>
      <c r="V29" s="61">
        <v>1</v>
      </c>
      <c r="W29" s="63">
        <v>1</v>
      </c>
      <c r="X29" s="43">
        <v>2</v>
      </c>
    </row>
    <row r="30" spans="1:24" ht="39.950000000000003" customHeight="1" thickTop="1" thickBot="1" x14ac:dyDescent="0.2">
      <c r="A30" s="313"/>
      <c r="B30" s="314"/>
      <c r="C30" s="139" t="s">
        <v>41</v>
      </c>
      <c r="D30" s="21">
        <v>0</v>
      </c>
      <c r="E30" s="22">
        <v>0</v>
      </c>
      <c r="F30" s="79">
        <v>0</v>
      </c>
      <c r="G30" s="7">
        <v>0</v>
      </c>
      <c r="H30" s="22">
        <v>0</v>
      </c>
      <c r="I30" s="79">
        <v>0</v>
      </c>
      <c r="J30" s="7">
        <v>0</v>
      </c>
      <c r="K30" s="22">
        <v>0</v>
      </c>
      <c r="L30" s="81">
        <v>0</v>
      </c>
      <c r="M30" s="21">
        <v>0</v>
      </c>
      <c r="N30" s="22">
        <v>0</v>
      </c>
      <c r="O30" s="79">
        <v>0</v>
      </c>
      <c r="P30" s="7">
        <v>0</v>
      </c>
      <c r="Q30" s="22">
        <v>0</v>
      </c>
      <c r="R30" s="79">
        <v>0</v>
      </c>
      <c r="S30" s="7">
        <v>0</v>
      </c>
      <c r="T30" s="22">
        <v>0</v>
      </c>
      <c r="U30" s="81">
        <v>0</v>
      </c>
      <c r="V30" s="21">
        <v>0</v>
      </c>
      <c r="W30" s="83">
        <v>0</v>
      </c>
      <c r="X30" s="28">
        <v>0</v>
      </c>
    </row>
    <row r="31" spans="1:24" ht="39.950000000000003" customHeight="1" thickTop="1" thickBot="1" x14ac:dyDescent="0.2">
      <c r="A31" s="313"/>
      <c r="B31" s="314"/>
      <c r="C31" s="139" t="s">
        <v>42</v>
      </c>
      <c r="D31" s="21">
        <v>27</v>
      </c>
      <c r="E31" s="22">
        <v>23</v>
      </c>
      <c r="F31" s="79">
        <v>50</v>
      </c>
      <c r="G31" s="7">
        <v>18</v>
      </c>
      <c r="H31" s="22">
        <v>9</v>
      </c>
      <c r="I31" s="79">
        <v>27</v>
      </c>
      <c r="J31" s="7">
        <v>9</v>
      </c>
      <c r="K31" s="22">
        <v>14</v>
      </c>
      <c r="L31" s="81">
        <v>23</v>
      </c>
      <c r="M31" s="21">
        <v>243</v>
      </c>
      <c r="N31" s="22">
        <v>64</v>
      </c>
      <c r="O31" s="79">
        <v>307</v>
      </c>
      <c r="P31" s="7">
        <v>104</v>
      </c>
      <c r="Q31" s="22">
        <v>20</v>
      </c>
      <c r="R31" s="79">
        <v>124</v>
      </c>
      <c r="S31" s="7">
        <v>139</v>
      </c>
      <c r="T31" s="22">
        <v>44</v>
      </c>
      <c r="U31" s="81">
        <v>183</v>
      </c>
      <c r="V31" s="21">
        <v>270</v>
      </c>
      <c r="W31" s="83">
        <v>87</v>
      </c>
      <c r="X31" s="28">
        <v>357</v>
      </c>
    </row>
    <row r="32" spans="1:24" ht="39.950000000000003" customHeight="1" thickTop="1" thickBot="1" x14ac:dyDescent="0.2">
      <c r="A32" s="313"/>
      <c r="B32" s="314"/>
      <c r="C32" s="140" t="s">
        <v>43</v>
      </c>
      <c r="D32" s="29">
        <v>9</v>
      </c>
      <c r="E32" s="30">
        <v>6</v>
      </c>
      <c r="F32" s="80">
        <v>15</v>
      </c>
      <c r="G32" s="10">
        <v>6</v>
      </c>
      <c r="H32" s="30">
        <v>3</v>
      </c>
      <c r="I32" s="80">
        <v>9</v>
      </c>
      <c r="J32" s="10">
        <v>3</v>
      </c>
      <c r="K32" s="30">
        <v>3</v>
      </c>
      <c r="L32" s="82">
        <v>6</v>
      </c>
      <c r="M32" s="29">
        <v>85</v>
      </c>
      <c r="N32" s="30">
        <v>42</v>
      </c>
      <c r="O32" s="80">
        <v>127</v>
      </c>
      <c r="P32" s="10">
        <v>35</v>
      </c>
      <c r="Q32" s="30">
        <v>11</v>
      </c>
      <c r="R32" s="80">
        <v>46</v>
      </c>
      <c r="S32" s="10">
        <v>50</v>
      </c>
      <c r="T32" s="30">
        <v>31</v>
      </c>
      <c r="U32" s="82">
        <v>81</v>
      </c>
      <c r="V32" s="29">
        <v>94</v>
      </c>
      <c r="W32" s="84">
        <v>48</v>
      </c>
      <c r="X32" s="33">
        <v>142</v>
      </c>
    </row>
    <row r="33" spans="1:24" ht="39.950000000000003" customHeight="1" thickTop="1" thickBot="1" x14ac:dyDescent="0.2">
      <c r="A33" s="313"/>
      <c r="B33" s="312"/>
      <c r="C33" s="141" t="s">
        <v>130</v>
      </c>
      <c r="D33" s="34">
        <v>37</v>
      </c>
      <c r="E33" s="35">
        <v>29</v>
      </c>
      <c r="F33" s="36">
        <v>66</v>
      </c>
      <c r="G33" s="38">
        <v>25</v>
      </c>
      <c r="H33" s="35">
        <v>12</v>
      </c>
      <c r="I33" s="36">
        <v>37</v>
      </c>
      <c r="J33" s="38">
        <v>12</v>
      </c>
      <c r="K33" s="35">
        <v>17</v>
      </c>
      <c r="L33" s="41">
        <v>29</v>
      </c>
      <c r="M33" s="34">
        <v>328</v>
      </c>
      <c r="N33" s="35">
        <v>107</v>
      </c>
      <c r="O33" s="36">
        <v>435</v>
      </c>
      <c r="P33" s="38">
        <v>139</v>
      </c>
      <c r="Q33" s="35">
        <v>32</v>
      </c>
      <c r="R33" s="36">
        <v>171</v>
      </c>
      <c r="S33" s="38">
        <v>189</v>
      </c>
      <c r="T33" s="35">
        <v>75</v>
      </c>
      <c r="U33" s="41">
        <v>264</v>
      </c>
      <c r="V33" s="34">
        <v>365</v>
      </c>
      <c r="W33" s="85">
        <v>136</v>
      </c>
      <c r="X33" s="41">
        <v>501</v>
      </c>
    </row>
    <row r="34" spans="1:24" ht="30" customHeight="1" thickTop="1" x14ac:dyDescent="0.15">
      <c r="D34" s="13"/>
    </row>
    <row r="35" spans="1:24" ht="30" customHeight="1" x14ac:dyDescent="0.15"/>
    <row r="36" spans="1:24" ht="30" customHeight="1" x14ac:dyDescent="0.15"/>
    <row r="37" spans="1:24" ht="30" customHeight="1" x14ac:dyDescent="0.15"/>
    <row r="38" spans="1:24" ht="30" customHeight="1" x14ac:dyDescent="0.15"/>
  </sheetData>
  <mergeCells count="32">
    <mergeCell ref="M4:O4"/>
    <mergeCell ref="P4:R4"/>
    <mergeCell ref="S4:U4"/>
    <mergeCell ref="A6:A11"/>
    <mergeCell ref="B6:B11"/>
    <mergeCell ref="A12:A17"/>
    <mergeCell ref="B12:B17"/>
    <mergeCell ref="A3:A5"/>
    <mergeCell ref="B3:B5"/>
    <mergeCell ref="C3:C5"/>
    <mergeCell ref="C21:C23"/>
    <mergeCell ref="D21:L21"/>
    <mergeCell ref="M21:U21"/>
    <mergeCell ref="V3:X4"/>
    <mergeCell ref="D4:F4"/>
    <mergeCell ref="G4:I4"/>
    <mergeCell ref="D3:L3"/>
    <mergeCell ref="M3:U3"/>
    <mergeCell ref="V21:X22"/>
    <mergeCell ref="D22:F22"/>
    <mergeCell ref="G22:I22"/>
    <mergeCell ref="J22:L22"/>
    <mergeCell ref="M22:O22"/>
    <mergeCell ref="P22:R22"/>
    <mergeCell ref="S22:U22"/>
    <mergeCell ref="J4:L4"/>
    <mergeCell ref="A24:A28"/>
    <mergeCell ref="B24:B28"/>
    <mergeCell ref="A29:A33"/>
    <mergeCell ref="B29:B33"/>
    <mergeCell ref="A21:A23"/>
    <mergeCell ref="B21:B23"/>
  </mergeCells>
  <phoneticPr fontId="8"/>
  <printOptions horizontalCentered="1"/>
  <pageMargins left="3.937007874015748E-2" right="3.937007874015748E-2" top="0.35433070866141736" bottom="0.35433070866141736" header="0.31496062992125984" footer="0.31496062992125984"/>
  <pageSetup paperSize="9" scale="46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2:G8"/>
  <sheetViews>
    <sheetView view="pageBreakPreview" zoomScale="90" zoomScaleNormal="100" zoomScaleSheetLayoutView="90" workbookViewId="0">
      <selection activeCell="G8" sqref="G8"/>
    </sheetView>
  </sheetViews>
  <sheetFormatPr defaultRowHeight="13.5" x14ac:dyDescent="0.15"/>
  <cols>
    <col min="1" max="1" width="13.625" style="217" customWidth="1"/>
    <col min="2" max="7" width="12.625" style="217" customWidth="1"/>
    <col min="8" max="16384" width="9" style="217"/>
  </cols>
  <sheetData>
    <row r="2" spans="1:7" ht="30" customHeight="1" x14ac:dyDescent="0.15">
      <c r="A2" s="219" t="s">
        <v>160</v>
      </c>
    </row>
    <row r="3" spans="1:7" ht="16.5" customHeight="1" thickBot="1" x14ac:dyDescent="0.2"/>
    <row r="4" spans="1:7" ht="54" customHeight="1" thickBot="1" x14ac:dyDescent="0.2">
      <c r="A4" s="220" t="s">
        <v>109</v>
      </c>
      <c r="B4" s="221"/>
      <c r="C4" s="222" t="s">
        <v>67</v>
      </c>
      <c r="D4" s="223" t="s">
        <v>69</v>
      </c>
      <c r="E4" s="223" t="s">
        <v>70</v>
      </c>
      <c r="F4" s="224" t="s">
        <v>68</v>
      </c>
      <c r="G4" s="225" t="s">
        <v>2</v>
      </c>
    </row>
    <row r="5" spans="1:7" ht="32.25" customHeight="1" x14ac:dyDescent="0.15">
      <c r="A5" s="356" t="s">
        <v>111</v>
      </c>
      <c r="B5" s="226" t="s">
        <v>3</v>
      </c>
      <c r="C5" s="227">
        <v>121</v>
      </c>
      <c r="D5" s="228">
        <v>13</v>
      </c>
      <c r="E5" s="228">
        <v>3</v>
      </c>
      <c r="F5" s="229">
        <v>13</v>
      </c>
      <c r="G5" s="230">
        <v>150</v>
      </c>
    </row>
    <row r="6" spans="1:7" ht="36" customHeight="1" thickBot="1" x14ac:dyDescent="0.2">
      <c r="A6" s="357"/>
      <c r="B6" s="231" t="s">
        <v>71</v>
      </c>
      <c r="C6" s="232">
        <v>0.80666666666666664</v>
      </c>
      <c r="D6" s="170">
        <v>8.666666666666667E-2</v>
      </c>
      <c r="E6" s="170">
        <v>0.02</v>
      </c>
      <c r="F6" s="233">
        <v>8.666666666666667E-2</v>
      </c>
      <c r="G6" s="234">
        <v>1</v>
      </c>
    </row>
    <row r="7" spans="1:7" ht="30" customHeight="1" x14ac:dyDescent="0.15">
      <c r="A7" s="356" t="s">
        <v>112</v>
      </c>
      <c r="B7" s="226" t="s">
        <v>3</v>
      </c>
      <c r="C7" s="227">
        <v>180</v>
      </c>
      <c r="D7" s="228">
        <v>23</v>
      </c>
      <c r="E7" s="228">
        <v>7</v>
      </c>
      <c r="F7" s="229">
        <v>17</v>
      </c>
      <c r="G7" s="230">
        <v>227</v>
      </c>
    </row>
    <row r="8" spans="1:7" ht="30" customHeight="1" thickBot="1" x14ac:dyDescent="0.2">
      <c r="A8" s="357"/>
      <c r="B8" s="231" t="s">
        <v>71</v>
      </c>
      <c r="C8" s="232">
        <v>0.79295154185022021</v>
      </c>
      <c r="D8" s="170">
        <v>0.1013215859030837</v>
      </c>
      <c r="E8" s="170">
        <v>3.0837004405286344E-2</v>
      </c>
      <c r="F8" s="233">
        <v>7.4889867841409691E-2</v>
      </c>
      <c r="G8" s="234">
        <v>1</v>
      </c>
    </row>
  </sheetData>
  <mergeCells count="2">
    <mergeCell ref="A5:A6"/>
    <mergeCell ref="A7:A8"/>
  </mergeCells>
  <phoneticPr fontId="8"/>
  <pageMargins left="0.7" right="0.7" top="0.75" bottom="0.75" header="0.3" footer="0.3"/>
  <pageSetup paperSize="9" scale="91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L42"/>
  <sheetViews>
    <sheetView view="pageBreakPreview" zoomScale="90" zoomScaleNormal="80" zoomScaleSheetLayoutView="90" workbookViewId="0">
      <selection activeCell="F1" sqref="F1"/>
    </sheetView>
  </sheetViews>
  <sheetFormatPr defaultRowHeight="17.25" x14ac:dyDescent="0.15"/>
  <cols>
    <col min="1" max="1" width="9" style="1"/>
    <col min="2" max="3" width="14.625" style="1" customWidth="1"/>
    <col min="4" max="4" width="16.5" style="1" customWidth="1"/>
    <col min="5" max="6" width="14.625" style="1" customWidth="1"/>
    <col min="7" max="7" width="15.75" style="1" customWidth="1"/>
    <col min="8" max="9" width="14.625" style="1" customWidth="1"/>
    <col min="10" max="10" width="16.375" style="1" customWidth="1"/>
    <col min="11" max="12" width="14.625" style="1" customWidth="1"/>
    <col min="13" max="13" width="3.5" style="1" customWidth="1"/>
    <col min="14" max="21" width="12.625" style="1" customWidth="1"/>
    <col min="22" max="16384" width="9" style="1"/>
  </cols>
  <sheetData>
    <row r="1" spans="1:12" ht="30" customHeight="1" x14ac:dyDescent="0.15">
      <c r="B1" s="66" t="s">
        <v>120</v>
      </c>
    </row>
    <row r="2" spans="1:12" ht="18.75" customHeight="1" x14ac:dyDescent="0.15"/>
    <row r="3" spans="1:12" ht="30" customHeight="1" thickBot="1" x14ac:dyDescent="0.2">
      <c r="B3" s="44" t="s">
        <v>63</v>
      </c>
      <c r="C3" s="44"/>
      <c r="D3" s="44"/>
      <c r="E3" s="44"/>
      <c r="F3" s="44"/>
      <c r="G3" s="45"/>
    </row>
    <row r="4" spans="1:12" ht="35.1" customHeight="1" x14ac:dyDescent="0.15">
      <c r="A4" s="361"/>
      <c r="B4" s="363" t="s">
        <v>72</v>
      </c>
      <c r="C4" s="363" t="s">
        <v>64</v>
      </c>
      <c r="D4" s="358" t="s">
        <v>28</v>
      </c>
      <c r="E4" s="359"/>
      <c r="F4" s="360"/>
      <c r="G4" s="365" t="s">
        <v>29</v>
      </c>
      <c r="H4" s="359"/>
      <c r="I4" s="366"/>
      <c r="J4" s="358" t="s">
        <v>30</v>
      </c>
      <c r="K4" s="359"/>
      <c r="L4" s="360"/>
    </row>
    <row r="5" spans="1:12" ht="69.95" customHeight="1" thickBot="1" x14ac:dyDescent="0.2">
      <c r="A5" s="362"/>
      <c r="B5" s="364"/>
      <c r="C5" s="364"/>
      <c r="D5" s="46" t="s">
        <v>113</v>
      </c>
      <c r="E5" s="47" t="s">
        <v>114</v>
      </c>
      <c r="F5" s="48" t="s">
        <v>65</v>
      </c>
      <c r="G5" s="49" t="s">
        <v>113</v>
      </c>
      <c r="H5" s="47" t="s">
        <v>114</v>
      </c>
      <c r="I5" s="50" t="s">
        <v>65</v>
      </c>
      <c r="J5" s="46" t="s">
        <v>113</v>
      </c>
      <c r="K5" s="47" t="s">
        <v>114</v>
      </c>
      <c r="L5" s="48" t="s">
        <v>65</v>
      </c>
    </row>
    <row r="6" spans="1:12" ht="35.1" customHeight="1" thickTop="1" x14ac:dyDescent="0.15">
      <c r="A6" s="367" t="s">
        <v>49</v>
      </c>
      <c r="B6" s="51" t="s">
        <v>73</v>
      </c>
      <c r="C6" s="52">
        <v>2</v>
      </c>
      <c r="D6" s="3">
        <v>3</v>
      </c>
      <c r="E6" s="4">
        <v>3</v>
      </c>
      <c r="F6" s="5">
        <v>1</v>
      </c>
      <c r="G6" s="53">
        <v>3</v>
      </c>
      <c r="H6" s="4">
        <v>3</v>
      </c>
      <c r="I6" s="54">
        <v>1</v>
      </c>
      <c r="J6" s="3">
        <v>0</v>
      </c>
      <c r="K6" s="4">
        <v>0</v>
      </c>
      <c r="L6" s="55" t="s">
        <v>110</v>
      </c>
    </row>
    <row r="7" spans="1:12" ht="35.1" customHeight="1" x14ac:dyDescent="0.15">
      <c r="A7" s="367"/>
      <c r="B7" s="56" t="s">
        <v>66</v>
      </c>
      <c r="C7" s="52">
        <v>10</v>
      </c>
      <c r="D7" s="3">
        <v>16</v>
      </c>
      <c r="E7" s="4">
        <v>5</v>
      </c>
      <c r="F7" s="5">
        <v>0.3125</v>
      </c>
      <c r="G7" s="24">
        <v>12</v>
      </c>
      <c r="H7" s="8">
        <v>5</v>
      </c>
      <c r="I7" s="54">
        <v>0.41666666666666669</v>
      </c>
      <c r="J7" s="7">
        <v>4</v>
      </c>
      <c r="K7" s="8">
        <v>0</v>
      </c>
      <c r="L7" s="118">
        <v>0</v>
      </c>
    </row>
    <row r="8" spans="1:12" ht="35.1" customHeight="1" x14ac:dyDescent="0.15">
      <c r="A8" s="367"/>
      <c r="B8" s="56" t="s">
        <v>74</v>
      </c>
      <c r="C8" s="52">
        <v>34</v>
      </c>
      <c r="D8" s="3">
        <v>77</v>
      </c>
      <c r="E8" s="4">
        <v>26</v>
      </c>
      <c r="F8" s="5">
        <v>0.33766233766233766</v>
      </c>
      <c r="G8" s="24">
        <v>60</v>
      </c>
      <c r="H8" s="8">
        <v>16</v>
      </c>
      <c r="I8" s="54">
        <v>0.26666666666666666</v>
      </c>
      <c r="J8" s="7">
        <v>17</v>
      </c>
      <c r="K8" s="8">
        <v>10</v>
      </c>
      <c r="L8" s="118">
        <v>0.58823529411764708</v>
      </c>
    </row>
    <row r="9" spans="1:12" ht="35.1" customHeight="1" x14ac:dyDescent="0.15">
      <c r="A9" s="367"/>
      <c r="B9" s="56" t="s">
        <v>75</v>
      </c>
      <c r="C9" s="52">
        <v>11</v>
      </c>
      <c r="D9" s="3">
        <v>27</v>
      </c>
      <c r="E9" s="4">
        <v>5</v>
      </c>
      <c r="F9" s="5">
        <v>0.18518518518518517</v>
      </c>
      <c r="G9" s="24">
        <v>23</v>
      </c>
      <c r="H9" s="8">
        <v>5</v>
      </c>
      <c r="I9" s="54">
        <v>0.21739130434782608</v>
      </c>
      <c r="J9" s="7">
        <v>4</v>
      </c>
      <c r="K9" s="8">
        <v>0</v>
      </c>
      <c r="L9" s="118">
        <v>0</v>
      </c>
    </row>
    <row r="10" spans="1:12" ht="35.1" customHeight="1" thickBot="1" x14ac:dyDescent="0.2">
      <c r="A10" s="367"/>
      <c r="B10" s="57" t="s">
        <v>84</v>
      </c>
      <c r="C10" s="58">
        <v>0</v>
      </c>
      <c r="D10" s="10">
        <v>0</v>
      </c>
      <c r="E10" s="11">
        <v>0</v>
      </c>
      <c r="F10" s="73" t="s">
        <v>110</v>
      </c>
      <c r="G10" s="31">
        <v>0</v>
      </c>
      <c r="H10" s="11">
        <v>0</v>
      </c>
      <c r="I10" s="73" t="s">
        <v>110</v>
      </c>
      <c r="J10" s="10">
        <v>0</v>
      </c>
      <c r="K10" s="11">
        <v>0</v>
      </c>
      <c r="L10" s="73" t="s">
        <v>110</v>
      </c>
    </row>
    <row r="11" spans="1:12" ht="35.1" customHeight="1" thickTop="1" thickBot="1" x14ac:dyDescent="0.2">
      <c r="A11" s="368"/>
      <c r="B11" s="60" t="s">
        <v>60</v>
      </c>
      <c r="C11" s="104">
        <v>57</v>
      </c>
      <c r="D11" s="70">
        <v>123</v>
      </c>
      <c r="E11" s="71">
        <v>39</v>
      </c>
      <c r="F11" s="72">
        <v>0.31707317073170732</v>
      </c>
      <c r="G11" s="105">
        <v>98</v>
      </c>
      <c r="H11" s="105">
        <v>29</v>
      </c>
      <c r="I11" s="106">
        <v>0.29591836734693877</v>
      </c>
      <c r="J11" s="70">
        <v>25</v>
      </c>
      <c r="K11" s="105">
        <v>10</v>
      </c>
      <c r="L11" s="120">
        <v>0.4</v>
      </c>
    </row>
    <row r="12" spans="1:12" ht="35.1" customHeight="1" x14ac:dyDescent="0.15">
      <c r="A12" s="369" t="s">
        <v>50</v>
      </c>
      <c r="B12" s="51" t="s">
        <v>73</v>
      </c>
      <c r="C12" s="52">
        <v>3</v>
      </c>
      <c r="D12" s="3">
        <v>3</v>
      </c>
      <c r="E12" s="4">
        <v>2</v>
      </c>
      <c r="F12" s="5">
        <v>0.66666666666666663</v>
      </c>
      <c r="G12" s="53">
        <v>2</v>
      </c>
      <c r="H12" s="4">
        <v>2</v>
      </c>
      <c r="I12" s="54">
        <v>1</v>
      </c>
      <c r="J12" s="3">
        <v>1</v>
      </c>
      <c r="K12" s="4">
        <v>0</v>
      </c>
      <c r="L12" s="118">
        <v>0</v>
      </c>
    </row>
    <row r="13" spans="1:12" ht="35.1" customHeight="1" x14ac:dyDescent="0.15">
      <c r="A13" s="367"/>
      <c r="B13" s="56" t="s">
        <v>66</v>
      </c>
      <c r="C13" s="52">
        <v>35</v>
      </c>
      <c r="D13" s="3">
        <v>54</v>
      </c>
      <c r="E13" s="4">
        <v>15</v>
      </c>
      <c r="F13" s="5">
        <v>0.27777777777777779</v>
      </c>
      <c r="G13" s="24">
        <v>42</v>
      </c>
      <c r="H13" s="8">
        <v>7</v>
      </c>
      <c r="I13" s="54">
        <v>0.16666666666666666</v>
      </c>
      <c r="J13" s="7">
        <v>12</v>
      </c>
      <c r="K13" s="8">
        <v>8</v>
      </c>
      <c r="L13" s="118">
        <v>0.66666666666666663</v>
      </c>
    </row>
    <row r="14" spans="1:12" ht="35.1" customHeight="1" x14ac:dyDescent="0.15">
      <c r="A14" s="367"/>
      <c r="B14" s="56" t="s">
        <v>74</v>
      </c>
      <c r="C14" s="52">
        <v>48</v>
      </c>
      <c r="D14" s="3">
        <v>89</v>
      </c>
      <c r="E14" s="4">
        <v>29</v>
      </c>
      <c r="F14" s="5">
        <v>0.3258426966292135</v>
      </c>
      <c r="G14" s="24">
        <v>59</v>
      </c>
      <c r="H14" s="8">
        <v>19</v>
      </c>
      <c r="I14" s="54">
        <v>0.32203389830508472</v>
      </c>
      <c r="J14" s="7">
        <v>30</v>
      </c>
      <c r="K14" s="8">
        <v>10</v>
      </c>
      <c r="L14" s="118">
        <v>0.33333333333333331</v>
      </c>
    </row>
    <row r="15" spans="1:12" ht="35.1" customHeight="1" x14ac:dyDescent="0.15">
      <c r="A15" s="367"/>
      <c r="B15" s="56" t="s">
        <v>75</v>
      </c>
      <c r="C15" s="52">
        <v>11</v>
      </c>
      <c r="D15" s="3">
        <v>24</v>
      </c>
      <c r="E15" s="4">
        <v>1</v>
      </c>
      <c r="F15" s="5">
        <v>4.1666666666666664E-2</v>
      </c>
      <c r="G15" s="24">
        <v>16</v>
      </c>
      <c r="H15" s="8">
        <v>0</v>
      </c>
      <c r="I15" s="54">
        <v>0</v>
      </c>
      <c r="J15" s="7">
        <v>8</v>
      </c>
      <c r="K15" s="8">
        <v>1</v>
      </c>
      <c r="L15" s="118">
        <v>0.125</v>
      </c>
    </row>
    <row r="16" spans="1:12" ht="35.1" customHeight="1" thickBot="1" x14ac:dyDescent="0.2">
      <c r="A16" s="367"/>
      <c r="B16" s="57" t="s">
        <v>84</v>
      </c>
      <c r="C16" s="58">
        <v>4</v>
      </c>
      <c r="D16" s="10">
        <v>9</v>
      </c>
      <c r="E16" s="11">
        <v>0</v>
      </c>
      <c r="F16" s="12">
        <v>0</v>
      </c>
      <c r="G16" s="31">
        <v>8</v>
      </c>
      <c r="H16" s="11">
        <v>0</v>
      </c>
      <c r="I16" s="59">
        <v>0</v>
      </c>
      <c r="J16" s="10">
        <v>1</v>
      </c>
      <c r="K16" s="11">
        <v>0</v>
      </c>
      <c r="L16" s="119">
        <v>0</v>
      </c>
    </row>
    <row r="17" spans="1:12" ht="35.1" customHeight="1" thickTop="1" thickBot="1" x14ac:dyDescent="0.2">
      <c r="A17" s="368"/>
      <c r="B17" s="60" t="s">
        <v>60</v>
      </c>
      <c r="C17" s="104">
        <v>101</v>
      </c>
      <c r="D17" s="70">
        <v>179</v>
      </c>
      <c r="E17" s="71">
        <v>47</v>
      </c>
      <c r="F17" s="72">
        <v>0.26256983240223464</v>
      </c>
      <c r="G17" s="105">
        <v>127</v>
      </c>
      <c r="H17" s="105">
        <v>28</v>
      </c>
      <c r="I17" s="106">
        <v>0.22047244094488189</v>
      </c>
      <c r="J17" s="70">
        <v>52</v>
      </c>
      <c r="K17" s="105">
        <v>19</v>
      </c>
      <c r="L17" s="120">
        <v>0.36538461538461536</v>
      </c>
    </row>
    <row r="18" spans="1:12" ht="30" customHeight="1" x14ac:dyDescent="0.15"/>
    <row r="19" spans="1:12" ht="24.95" customHeight="1" thickBot="1" x14ac:dyDescent="0.2"/>
    <row r="20" spans="1:12" ht="35.1" customHeight="1" x14ac:dyDescent="0.15">
      <c r="A20" s="361"/>
      <c r="B20" s="363" t="s">
        <v>161</v>
      </c>
      <c r="C20" s="363" t="s">
        <v>64</v>
      </c>
      <c r="D20" s="358" t="s">
        <v>28</v>
      </c>
      <c r="E20" s="359"/>
      <c r="F20" s="360"/>
      <c r="G20" s="365" t="s">
        <v>29</v>
      </c>
      <c r="H20" s="359"/>
      <c r="I20" s="366"/>
      <c r="J20" s="358" t="s">
        <v>30</v>
      </c>
      <c r="K20" s="359"/>
      <c r="L20" s="360"/>
    </row>
    <row r="21" spans="1:12" ht="69.95" customHeight="1" thickBot="1" x14ac:dyDescent="0.2">
      <c r="A21" s="362"/>
      <c r="B21" s="364"/>
      <c r="C21" s="364"/>
      <c r="D21" s="46" t="s">
        <v>113</v>
      </c>
      <c r="E21" s="47" t="s">
        <v>114</v>
      </c>
      <c r="F21" s="48" t="s">
        <v>65</v>
      </c>
      <c r="G21" s="49" t="s">
        <v>113</v>
      </c>
      <c r="H21" s="47" t="s">
        <v>114</v>
      </c>
      <c r="I21" s="50" t="s">
        <v>65</v>
      </c>
      <c r="J21" s="46" t="s">
        <v>113</v>
      </c>
      <c r="K21" s="47" t="s">
        <v>114</v>
      </c>
      <c r="L21" s="48" t="s">
        <v>65</v>
      </c>
    </row>
    <row r="22" spans="1:12" ht="35.1" customHeight="1" thickTop="1" x14ac:dyDescent="0.15">
      <c r="A22" s="367" t="s">
        <v>49</v>
      </c>
      <c r="B22" s="2" t="s">
        <v>15</v>
      </c>
      <c r="C22" s="52">
        <v>28</v>
      </c>
      <c r="D22" s="3">
        <v>61</v>
      </c>
      <c r="E22" s="4">
        <v>15</v>
      </c>
      <c r="F22" s="5">
        <v>0.24590163934426229</v>
      </c>
      <c r="G22" s="53">
        <v>54</v>
      </c>
      <c r="H22" s="4">
        <v>14</v>
      </c>
      <c r="I22" s="54">
        <v>0.25925925925925924</v>
      </c>
      <c r="J22" s="3">
        <v>7</v>
      </c>
      <c r="K22" s="4">
        <v>1</v>
      </c>
      <c r="L22" s="118">
        <v>0.14285714285714285</v>
      </c>
    </row>
    <row r="23" spans="1:12" ht="35.1" customHeight="1" x14ac:dyDescent="0.15">
      <c r="A23" s="367"/>
      <c r="B23" s="6" t="s">
        <v>16</v>
      </c>
      <c r="C23" s="52">
        <v>6</v>
      </c>
      <c r="D23" s="3">
        <v>11</v>
      </c>
      <c r="E23" s="4">
        <v>3</v>
      </c>
      <c r="F23" s="5">
        <v>0.27272727272727271</v>
      </c>
      <c r="G23" s="24">
        <v>8</v>
      </c>
      <c r="H23" s="8">
        <v>2</v>
      </c>
      <c r="I23" s="54">
        <v>0.25</v>
      </c>
      <c r="J23" s="7">
        <v>3</v>
      </c>
      <c r="K23" s="8">
        <v>1</v>
      </c>
      <c r="L23" s="118">
        <v>0.33333333333333331</v>
      </c>
    </row>
    <row r="24" spans="1:12" ht="35.1" customHeight="1" x14ac:dyDescent="0.15">
      <c r="A24" s="367"/>
      <c r="B24" s="6" t="s">
        <v>17</v>
      </c>
      <c r="C24" s="52">
        <v>3</v>
      </c>
      <c r="D24" s="3">
        <v>6</v>
      </c>
      <c r="E24" s="4">
        <v>2</v>
      </c>
      <c r="F24" s="5">
        <v>0.33333333333333331</v>
      </c>
      <c r="G24" s="24">
        <v>6</v>
      </c>
      <c r="H24" s="8">
        <v>2</v>
      </c>
      <c r="I24" s="54">
        <v>0.33333333333333331</v>
      </c>
      <c r="J24" s="7">
        <v>0</v>
      </c>
      <c r="K24" s="8">
        <v>0</v>
      </c>
      <c r="L24" s="55" t="s">
        <v>180</v>
      </c>
    </row>
    <row r="25" spans="1:12" ht="35.1" customHeight="1" x14ac:dyDescent="0.15">
      <c r="A25" s="367"/>
      <c r="B25" s="175" t="s">
        <v>14</v>
      </c>
      <c r="C25" s="52">
        <v>8</v>
      </c>
      <c r="D25" s="3">
        <v>12</v>
      </c>
      <c r="E25" s="4">
        <v>0</v>
      </c>
      <c r="F25" s="5">
        <v>0</v>
      </c>
      <c r="G25" s="24">
        <v>10</v>
      </c>
      <c r="H25" s="8">
        <v>0</v>
      </c>
      <c r="I25" s="54">
        <v>0</v>
      </c>
      <c r="J25" s="7">
        <v>2</v>
      </c>
      <c r="K25" s="8">
        <v>0</v>
      </c>
      <c r="L25" s="118">
        <v>0</v>
      </c>
    </row>
    <row r="26" spans="1:12" ht="35.1" customHeight="1" x14ac:dyDescent="0.15">
      <c r="A26" s="367"/>
      <c r="B26" s="6" t="s">
        <v>19</v>
      </c>
      <c r="C26" s="52">
        <v>3</v>
      </c>
      <c r="D26" s="3">
        <v>15</v>
      </c>
      <c r="E26" s="4">
        <v>14</v>
      </c>
      <c r="F26" s="5">
        <v>0.93333333333333335</v>
      </c>
      <c r="G26" s="24">
        <v>8</v>
      </c>
      <c r="H26" s="8">
        <v>8</v>
      </c>
      <c r="I26" s="54">
        <v>1</v>
      </c>
      <c r="J26" s="7">
        <v>7</v>
      </c>
      <c r="K26" s="8">
        <v>6</v>
      </c>
      <c r="L26" s="118">
        <v>0.8571428571428571</v>
      </c>
    </row>
    <row r="27" spans="1:12" ht="35.1" customHeight="1" x14ac:dyDescent="0.15">
      <c r="A27" s="367"/>
      <c r="B27" s="6" t="s">
        <v>20</v>
      </c>
      <c r="C27" s="52">
        <v>3</v>
      </c>
      <c r="D27" s="3">
        <v>3</v>
      </c>
      <c r="E27" s="4">
        <v>1</v>
      </c>
      <c r="F27" s="5">
        <v>0.33333333333333331</v>
      </c>
      <c r="G27" s="24">
        <v>3</v>
      </c>
      <c r="H27" s="8">
        <v>1</v>
      </c>
      <c r="I27" s="54">
        <v>0.33333333333333331</v>
      </c>
      <c r="J27" s="7">
        <v>0</v>
      </c>
      <c r="K27" s="8">
        <v>0</v>
      </c>
      <c r="L27" s="55" t="s">
        <v>181</v>
      </c>
    </row>
    <row r="28" spans="1:12" ht="35.1" customHeight="1" x14ac:dyDescent="0.15">
      <c r="A28" s="367"/>
      <c r="B28" s="6" t="s">
        <v>18</v>
      </c>
      <c r="C28" s="171">
        <v>4</v>
      </c>
      <c r="D28" s="3">
        <v>12</v>
      </c>
      <c r="E28" s="4">
        <v>3</v>
      </c>
      <c r="F28" s="5">
        <v>0.25</v>
      </c>
      <c r="G28" s="172">
        <v>7</v>
      </c>
      <c r="H28" s="173">
        <v>1</v>
      </c>
      <c r="I28" s="54">
        <v>0.14285714285714285</v>
      </c>
      <c r="J28" s="174">
        <v>5</v>
      </c>
      <c r="K28" s="173">
        <v>2</v>
      </c>
      <c r="L28" s="118">
        <v>0.4</v>
      </c>
    </row>
    <row r="29" spans="1:12" ht="35.1" customHeight="1" thickBot="1" x14ac:dyDescent="0.2">
      <c r="A29" s="367"/>
      <c r="B29" s="9" t="s">
        <v>21</v>
      </c>
      <c r="C29" s="58">
        <v>2</v>
      </c>
      <c r="D29" s="3">
        <v>3</v>
      </c>
      <c r="E29" s="4">
        <v>1</v>
      </c>
      <c r="F29" s="5">
        <v>0.33333333333333331</v>
      </c>
      <c r="G29" s="31">
        <v>2</v>
      </c>
      <c r="H29" s="11">
        <v>1</v>
      </c>
      <c r="I29" s="54">
        <v>0.5</v>
      </c>
      <c r="J29" s="10">
        <v>1</v>
      </c>
      <c r="K29" s="11">
        <v>0</v>
      </c>
      <c r="L29" s="118">
        <v>0</v>
      </c>
    </row>
    <row r="30" spans="1:12" ht="35.1" customHeight="1" thickTop="1" thickBot="1" x14ac:dyDescent="0.2">
      <c r="A30" s="368"/>
      <c r="B30" s="60" t="s">
        <v>60</v>
      </c>
      <c r="C30" s="104">
        <v>57</v>
      </c>
      <c r="D30" s="181">
        <v>123</v>
      </c>
      <c r="E30" s="68">
        <v>39</v>
      </c>
      <c r="F30" s="180">
        <v>0.31707317073170732</v>
      </c>
      <c r="G30" s="105">
        <v>98</v>
      </c>
      <c r="H30" s="105">
        <v>29</v>
      </c>
      <c r="I30" s="106">
        <v>0.29591836734693877</v>
      </c>
      <c r="J30" s="70">
        <v>25</v>
      </c>
      <c r="K30" s="105">
        <v>10</v>
      </c>
      <c r="L30" s="120">
        <v>0.4</v>
      </c>
    </row>
    <row r="31" spans="1:12" ht="35.1" customHeight="1" x14ac:dyDescent="0.15">
      <c r="A31" s="369" t="s">
        <v>50</v>
      </c>
      <c r="B31" s="2" t="s">
        <v>15</v>
      </c>
      <c r="C31" s="52">
        <v>43</v>
      </c>
      <c r="D31" s="3">
        <v>67</v>
      </c>
      <c r="E31" s="4">
        <v>12</v>
      </c>
      <c r="F31" s="5">
        <v>0.17910447761194029</v>
      </c>
      <c r="G31" s="53">
        <v>52</v>
      </c>
      <c r="H31" s="4">
        <v>8</v>
      </c>
      <c r="I31" s="54">
        <v>0.15384615384615385</v>
      </c>
      <c r="J31" s="3">
        <v>15</v>
      </c>
      <c r="K31" s="4">
        <v>4</v>
      </c>
      <c r="L31" s="118">
        <v>0.26666666666666666</v>
      </c>
    </row>
    <row r="32" spans="1:12" ht="35.1" customHeight="1" x14ac:dyDescent="0.15">
      <c r="A32" s="367"/>
      <c r="B32" s="6" t="s">
        <v>16</v>
      </c>
      <c r="C32" s="52">
        <v>21</v>
      </c>
      <c r="D32" s="3">
        <v>47</v>
      </c>
      <c r="E32" s="4">
        <v>14</v>
      </c>
      <c r="F32" s="5">
        <v>0.2978723404255319</v>
      </c>
      <c r="G32" s="24">
        <v>31</v>
      </c>
      <c r="H32" s="8">
        <v>7</v>
      </c>
      <c r="I32" s="54">
        <v>0.22580645161290322</v>
      </c>
      <c r="J32" s="7">
        <v>16</v>
      </c>
      <c r="K32" s="8">
        <v>7</v>
      </c>
      <c r="L32" s="118">
        <v>0.4375</v>
      </c>
    </row>
    <row r="33" spans="1:12" ht="35.1" customHeight="1" x14ac:dyDescent="0.15">
      <c r="A33" s="367"/>
      <c r="B33" s="6" t="s">
        <v>17</v>
      </c>
      <c r="C33" s="52">
        <v>5</v>
      </c>
      <c r="D33" s="3">
        <v>14</v>
      </c>
      <c r="E33" s="4">
        <v>0</v>
      </c>
      <c r="F33" s="5">
        <v>0</v>
      </c>
      <c r="G33" s="24">
        <v>8</v>
      </c>
      <c r="H33" s="8">
        <v>0</v>
      </c>
      <c r="I33" s="54">
        <v>0</v>
      </c>
      <c r="J33" s="7">
        <v>6</v>
      </c>
      <c r="K33" s="8">
        <v>0</v>
      </c>
      <c r="L33" s="118">
        <v>0</v>
      </c>
    </row>
    <row r="34" spans="1:12" ht="35.1" customHeight="1" x14ac:dyDescent="0.15">
      <c r="A34" s="367"/>
      <c r="B34" s="175" t="s">
        <v>14</v>
      </c>
      <c r="C34" s="52">
        <v>7</v>
      </c>
      <c r="D34" s="3">
        <v>13</v>
      </c>
      <c r="E34" s="4">
        <v>7</v>
      </c>
      <c r="F34" s="5">
        <v>0.53846153846153844</v>
      </c>
      <c r="G34" s="24">
        <v>10</v>
      </c>
      <c r="H34" s="8">
        <v>4</v>
      </c>
      <c r="I34" s="54">
        <v>0.4</v>
      </c>
      <c r="J34" s="7">
        <v>3</v>
      </c>
      <c r="K34" s="8">
        <v>3</v>
      </c>
      <c r="L34" s="118">
        <v>1</v>
      </c>
    </row>
    <row r="35" spans="1:12" ht="35.1" customHeight="1" x14ac:dyDescent="0.15">
      <c r="A35" s="367"/>
      <c r="B35" s="6" t="s">
        <v>19</v>
      </c>
      <c r="C35" s="52">
        <v>9</v>
      </c>
      <c r="D35" s="3">
        <v>13</v>
      </c>
      <c r="E35" s="4">
        <v>3</v>
      </c>
      <c r="F35" s="5">
        <v>0.23076923076923078</v>
      </c>
      <c r="G35" s="24">
        <v>7</v>
      </c>
      <c r="H35" s="8">
        <v>2</v>
      </c>
      <c r="I35" s="54">
        <v>0.2857142857142857</v>
      </c>
      <c r="J35" s="7">
        <v>6</v>
      </c>
      <c r="K35" s="8">
        <v>1</v>
      </c>
      <c r="L35" s="118">
        <v>0.16666666666666666</v>
      </c>
    </row>
    <row r="36" spans="1:12" ht="35.1" customHeight="1" x14ac:dyDescent="0.15">
      <c r="A36" s="367"/>
      <c r="B36" s="6" t="s">
        <v>20</v>
      </c>
      <c r="C36" s="52">
        <v>7</v>
      </c>
      <c r="D36" s="3">
        <v>11</v>
      </c>
      <c r="E36" s="4">
        <v>3</v>
      </c>
      <c r="F36" s="5">
        <v>0.27272727272727271</v>
      </c>
      <c r="G36" s="24">
        <v>7</v>
      </c>
      <c r="H36" s="8">
        <v>0</v>
      </c>
      <c r="I36" s="54">
        <v>0</v>
      </c>
      <c r="J36" s="7">
        <v>4</v>
      </c>
      <c r="K36" s="8">
        <v>3</v>
      </c>
      <c r="L36" s="118">
        <v>0.75</v>
      </c>
    </row>
    <row r="37" spans="1:12" ht="35.1" customHeight="1" x14ac:dyDescent="0.15">
      <c r="A37" s="367"/>
      <c r="B37" s="6" t="s">
        <v>18</v>
      </c>
      <c r="C37" s="52">
        <v>6</v>
      </c>
      <c r="D37" s="3">
        <v>11</v>
      </c>
      <c r="E37" s="4">
        <v>5</v>
      </c>
      <c r="F37" s="5">
        <v>0.45454545454545453</v>
      </c>
      <c r="G37" s="24">
        <v>9</v>
      </c>
      <c r="H37" s="8">
        <v>4</v>
      </c>
      <c r="I37" s="54">
        <v>0.44444444444444442</v>
      </c>
      <c r="J37" s="7">
        <v>2</v>
      </c>
      <c r="K37" s="8">
        <v>1</v>
      </c>
      <c r="L37" s="118">
        <v>0.5</v>
      </c>
    </row>
    <row r="38" spans="1:12" ht="35.1" customHeight="1" thickBot="1" x14ac:dyDescent="0.2">
      <c r="A38" s="367"/>
      <c r="B38" s="9" t="s">
        <v>21</v>
      </c>
      <c r="C38" s="58">
        <v>3</v>
      </c>
      <c r="D38" s="3">
        <v>3</v>
      </c>
      <c r="E38" s="4">
        <v>3</v>
      </c>
      <c r="F38" s="5">
        <v>1</v>
      </c>
      <c r="G38" s="31">
        <v>3</v>
      </c>
      <c r="H38" s="11">
        <v>3</v>
      </c>
      <c r="I38" s="54">
        <v>1</v>
      </c>
      <c r="J38" s="10">
        <v>0</v>
      </c>
      <c r="K38" s="11">
        <v>0</v>
      </c>
      <c r="L38" s="55" t="s">
        <v>181</v>
      </c>
    </row>
    <row r="39" spans="1:12" ht="35.1" customHeight="1" thickTop="1" thickBot="1" x14ac:dyDescent="0.2">
      <c r="A39" s="368"/>
      <c r="B39" s="60" t="s">
        <v>60</v>
      </c>
      <c r="C39" s="104">
        <v>101</v>
      </c>
      <c r="D39" s="181">
        <v>179</v>
      </c>
      <c r="E39" s="68">
        <v>47</v>
      </c>
      <c r="F39" s="180">
        <v>0.26256983240223464</v>
      </c>
      <c r="G39" s="105">
        <v>127</v>
      </c>
      <c r="H39" s="105">
        <v>28</v>
      </c>
      <c r="I39" s="106">
        <v>0.22047244094488189</v>
      </c>
      <c r="J39" s="70">
        <v>52</v>
      </c>
      <c r="K39" s="105">
        <v>19</v>
      </c>
      <c r="L39" s="120">
        <v>0.36538461538461536</v>
      </c>
    </row>
    <row r="40" spans="1:12" ht="35.1" customHeight="1" x14ac:dyDescent="0.15"/>
    <row r="41" spans="1:12" ht="24.95" customHeight="1" x14ac:dyDescent="0.15"/>
    <row r="42" spans="1:12" ht="24.95" customHeight="1" x14ac:dyDescent="0.15"/>
  </sheetData>
  <mergeCells count="16">
    <mergeCell ref="G20:I20"/>
    <mergeCell ref="J20:L20"/>
    <mergeCell ref="A22:A30"/>
    <mergeCell ref="A31:A39"/>
    <mergeCell ref="A6:A11"/>
    <mergeCell ref="A12:A17"/>
    <mergeCell ref="A20:A21"/>
    <mergeCell ref="B20:B21"/>
    <mergeCell ref="C20:C21"/>
    <mergeCell ref="D20:F20"/>
    <mergeCell ref="J4:L4"/>
    <mergeCell ref="A4:A5"/>
    <mergeCell ref="B4:B5"/>
    <mergeCell ref="C4:C5"/>
    <mergeCell ref="D4:F4"/>
    <mergeCell ref="G4:I4"/>
  </mergeCells>
  <phoneticPr fontId="8"/>
  <printOptions horizontalCentered="1"/>
  <pageMargins left="0.70866141732283472" right="0.70866141732283472" top="0.74803149606299213" bottom="0.74803149606299213" header="0.31496062992125984" footer="0.31496062992125984"/>
  <pageSetup paperSize="9" scale="70" fitToHeight="2" orientation="landscape" r:id="rId1"/>
  <rowBreaks count="1" manualBreakCount="1">
    <brk id="19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J31"/>
  <sheetViews>
    <sheetView view="pageBreakPreview" zoomScale="90" zoomScaleNormal="100" zoomScaleSheetLayoutView="90" workbookViewId="0">
      <selection activeCell="I10" sqref="I10"/>
    </sheetView>
  </sheetViews>
  <sheetFormatPr defaultRowHeight="13.5" x14ac:dyDescent="0.15"/>
  <cols>
    <col min="1" max="1" width="16.125" customWidth="1"/>
    <col min="2" max="12" width="12.625" customWidth="1"/>
  </cols>
  <sheetData>
    <row r="1" spans="1:10" ht="29.25" customHeight="1" x14ac:dyDescent="0.15">
      <c r="A1" s="64" t="s">
        <v>162</v>
      </c>
    </row>
    <row r="2" spans="1:10" ht="30" customHeight="1" thickBot="1" x14ac:dyDescent="0.2">
      <c r="A2" s="117"/>
      <c r="G2" t="s">
        <v>81</v>
      </c>
      <c r="I2" t="s">
        <v>188</v>
      </c>
    </row>
    <row r="3" spans="1:10" ht="60" customHeight="1" thickBot="1" x14ac:dyDescent="0.2">
      <c r="A3" s="109"/>
      <c r="B3" s="107" t="s">
        <v>77</v>
      </c>
      <c r="C3" s="107" t="s">
        <v>172</v>
      </c>
      <c r="D3" s="107" t="s">
        <v>171</v>
      </c>
      <c r="E3" s="107" t="s">
        <v>170</v>
      </c>
      <c r="F3" s="107" t="s">
        <v>78</v>
      </c>
      <c r="G3" s="107" t="s">
        <v>169</v>
      </c>
      <c r="H3" s="107" t="s">
        <v>79</v>
      </c>
      <c r="I3" s="107" t="s">
        <v>80</v>
      </c>
      <c r="J3" s="235" t="s">
        <v>82</v>
      </c>
    </row>
    <row r="4" spans="1:10" ht="30" customHeight="1" thickTop="1" x14ac:dyDescent="0.15">
      <c r="A4" s="108" t="s">
        <v>190</v>
      </c>
      <c r="B4" s="110">
        <v>93</v>
      </c>
      <c r="C4" s="110">
        <v>54</v>
      </c>
      <c r="D4" s="110">
        <v>33</v>
      </c>
      <c r="E4" s="110">
        <v>41</v>
      </c>
      <c r="F4" s="110">
        <v>39</v>
      </c>
      <c r="G4" s="110">
        <v>59</v>
      </c>
      <c r="H4" s="110">
        <v>78</v>
      </c>
      <c r="I4" s="110">
        <v>9</v>
      </c>
      <c r="J4" s="236">
        <v>5</v>
      </c>
    </row>
    <row r="5" spans="1:10" ht="30" customHeight="1" thickBot="1" x14ac:dyDescent="0.2">
      <c r="A5" s="74" t="s">
        <v>191</v>
      </c>
      <c r="B5" s="111">
        <v>177</v>
      </c>
      <c r="C5" s="111">
        <v>154</v>
      </c>
      <c r="D5" s="111">
        <v>82</v>
      </c>
      <c r="E5" s="111">
        <v>82</v>
      </c>
      <c r="F5" s="111">
        <v>127</v>
      </c>
      <c r="G5" s="111">
        <v>165</v>
      </c>
      <c r="H5" s="111">
        <v>208</v>
      </c>
      <c r="I5" s="111">
        <v>20</v>
      </c>
      <c r="J5" s="237">
        <v>13</v>
      </c>
    </row>
    <row r="6" spans="1:10" ht="30" customHeight="1" x14ac:dyDescent="0.15">
      <c r="A6" s="239" t="s">
        <v>192</v>
      </c>
      <c r="B6" s="65">
        <v>270</v>
      </c>
      <c r="C6" s="65">
        <v>208</v>
      </c>
      <c r="D6" s="65">
        <v>115</v>
      </c>
      <c r="E6" s="65">
        <v>123</v>
      </c>
      <c r="F6" s="65">
        <v>166</v>
      </c>
      <c r="G6" s="65">
        <v>224</v>
      </c>
      <c r="H6" s="65">
        <v>286</v>
      </c>
      <c r="I6" s="65">
        <v>29</v>
      </c>
      <c r="J6" s="240">
        <v>18</v>
      </c>
    </row>
    <row r="7" spans="1:10" ht="30" customHeight="1" thickBot="1" x14ac:dyDescent="0.2">
      <c r="A7" s="74" t="s">
        <v>189</v>
      </c>
      <c r="B7" s="112">
        <v>0.73770491803278693</v>
      </c>
      <c r="C7" s="112">
        <v>0.56830601092896171</v>
      </c>
      <c r="D7" s="112">
        <v>0.31420765027322406</v>
      </c>
      <c r="E7" s="112">
        <v>0.33606557377049179</v>
      </c>
      <c r="F7" s="112">
        <v>0.45355191256830601</v>
      </c>
      <c r="G7" s="112">
        <v>0.61202185792349728</v>
      </c>
      <c r="H7" s="112">
        <v>0.78142076502732238</v>
      </c>
      <c r="I7" s="112">
        <v>7.9234972677595633E-2</v>
      </c>
      <c r="J7" s="238">
        <v>4.9180327868852458E-2</v>
      </c>
    </row>
    <row r="8" spans="1:10" ht="30" customHeight="1" x14ac:dyDescent="0.15">
      <c r="A8" s="176"/>
      <c r="B8" s="177"/>
      <c r="C8" s="177"/>
      <c r="D8" s="177"/>
      <c r="E8" s="177"/>
      <c r="F8" s="177"/>
      <c r="G8" s="177"/>
      <c r="H8" s="177"/>
      <c r="I8" s="177"/>
      <c r="J8" s="177"/>
    </row>
    <row r="9" spans="1:10" ht="38.25" customHeight="1" x14ac:dyDescent="0.15">
      <c r="A9" s="176"/>
      <c r="B9" s="177"/>
      <c r="C9" s="177"/>
      <c r="D9" s="177"/>
      <c r="E9" s="177"/>
      <c r="F9" s="177"/>
      <c r="G9" s="177"/>
      <c r="H9" s="177"/>
      <c r="I9" s="177"/>
      <c r="J9" s="177"/>
    </row>
    <row r="10" spans="1:10" ht="30" customHeight="1" x14ac:dyDescent="0.15">
      <c r="A10" s="69" t="s">
        <v>197</v>
      </c>
    </row>
    <row r="11" spans="1:10" ht="30" customHeight="1" x14ac:dyDescent="0.15">
      <c r="A11" s="373" t="s">
        <v>173</v>
      </c>
      <c r="B11" s="373"/>
      <c r="C11" s="373"/>
      <c r="D11" s="373"/>
      <c r="E11" s="373" t="s">
        <v>174</v>
      </c>
      <c r="F11" s="373"/>
      <c r="G11" s="373"/>
      <c r="H11" s="373"/>
      <c r="I11" s="114"/>
      <c r="J11" s="114"/>
    </row>
    <row r="12" spans="1:10" ht="24.95" customHeight="1" x14ac:dyDescent="0.15">
      <c r="A12" s="374" t="s">
        <v>5</v>
      </c>
      <c r="B12" s="375"/>
      <c r="C12" s="375"/>
      <c r="D12" s="376"/>
      <c r="E12" s="380" t="s">
        <v>165</v>
      </c>
      <c r="F12" s="381"/>
      <c r="G12" s="381"/>
      <c r="H12" s="382"/>
      <c r="I12" s="114"/>
      <c r="J12" s="114"/>
    </row>
    <row r="13" spans="1:10" ht="24.95" customHeight="1" x14ac:dyDescent="0.15">
      <c r="A13" s="377" t="s">
        <v>163</v>
      </c>
      <c r="B13" s="378"/>
      <c r="C13" s="378"/>
      <c r="D13" s="379"/>
      <c r="E13" s="383" t="s">
        <v>167</v>
      </c>
      <c r="F13" s="384"/>
      <c r="G13" s="384"/>
      <c r="H13" s="385"/>
      <c r="I13" s="114"/>
      <c r="J13" s="114"/>
    </row>
    <row r="14" spans="1:10" ht="24.95" customHeight="1" x14ac:dyDescent="0.15">
      <c r="A14" s="377" t="s">
        <v>164</v>
      </c>
      <c r="B14" s="378"/>
      <c r="C14" s="378"/>
      <c r="D14" s="379"/>
      <c r="E14" s="383" t="s">
        <v>166</v>
      </c>
      <c r="F14" s="384"/>
      <c r="G14" s="384"/>
      <c r="H14" s="385"/>
      <c r="I14" s="114"/>
      <c r="J14" s="114"/>
    </row>
    <row r="15" spans="1:10" ht="24.95" customHeight="1" x14ac:dyDescent="0.15">
      <c r="A15" s="377" t="s">
        <v>6</v>
      </c>
      <c r="B15" s="378"/>
      <c r="C15" s="378"/>
      <c r="D15" s="379"/>
      <c r="E15" s="383" t="s">
        <v>12</v>
      </c>
      <c r="F15" s="384"/>
      <c r="G15" s="384"/>
      <c r="H15" s="385"/>
      <c r="I15" s="114"/>
      <c r="J15" s="114"/>
    </row>
    <row r="16" spans="1:10" ht="24.95" customHeight="1" x14ac:dyDescent="0.15">
      <c r="A16" s="178"/>
      <c r="B16" s="179"/>
      <c r="C16" s="179"/>
      <c r="D16" s="116"/>
      <c r="E16" s="370" t="s">
        <v>168</v>
      </c>
      <c r="F16" s="371"/>
      <c r="G16" s="371"/>
      <c r="H16" s="372"/>
      <c r="I16" s="114"/>
      <c r="J16" s="114"/>
    </row>
    <row r="17" spans="1:10" ht="24.95" customHeight="1" x14ac:dyDescent="0.15">
      <c r="A17" s="114"/>
      <c r="B17" s="114"/>
      <c r="C17" s="114"/>
      <c r="D17" s="114"/>
      <c r="E17" s="114"/>
      <c r="G17" s="114"/>
      <c r="H17" s="114"/>
      <c r="I17" s="114"/>
      <c r="J17" s="114"/>
    </row>
    <row r="18" spans="1:10" ht="24.95" customHeight="1" x14ac:dyDescent="0.15">
      <c r="A18" s="114"/>
      <c r="B18" s="114"/>
      <c r="C18" s="114"/>
      <c r="D18" s="114"/>
      <c r="E18" s="114"/>
      <c r="F18" s="114"/>
      <c r="G18" s="114"/>
      <c r="H18" s="114"/>
      <c r="I18" s="114"/>
      <c r="J18" s="114"/>
    </row>
    <row r="19" spans="1:10" ht="24.95" customHeight="1" x14ac:dyDescent="0.15">
      <c r="A19" s="114"/>
      <c r="B19" s="114"/>
      <c r="C19" s="114"/>
      <c r="D19" s="114"/>
      <c r="E19" s="114"/>
      <c r="F19" s="114"/>
      <c r="G19" s="114"/>
      <c r="H19" s="114"/>
      <c r="I19" s="114"/>
      <c r="J19" s="114"/>
    </row>
    <row r="20" spans="1:10" ht="24.95" customHeight="1" x14ac:dyDescent="0.15">
      <c r="A20" s="114"/>
      <c r="B20" s="114"/>
      <c r="C20" s="114"/>
      <c r="D20" s="114"/>
      <c r="E20" s="114"/>
      <c r="F20" s="114"/>
      <c r="G20" s="114"/>
      <c r="H20" s="114"/>
      <c r="I20" s="114"/>
      <c r="J20" s="114"/>
    </row>
    <row r="21" spans="1:10" ht="24.95" customHeight="1" x14ac:dyDescent="0.15">
      <c r="A21" s="114"/>
      <c r="B21" s="114"/>
      <c r="C21" s="114"/>
      <c r="D21" s="114"/>
      <c r="E21" s="114"/>
      <c r="F21" s="114"/>
      <c r="G21" s="114"/>
      <c r="H21" s="114"/>
      <c r="I21" s="114"/>
      <c r="J21" s="114"/>
    </row>
    <row r="22" spans="1:10" ht="24.95" customHeight="1" x14ac:dyDescent="0.15"/>
    <row r="23" spans="1:10" ht="24.95" customHeight="1" x14ac:dyDescent="0.15"/>
    <row r="24" spans="1:10" ht="24.95" customHeight="1" x14ac:dyDescent="0.15"/>
    <row r="25" spans="1:10" ht="24.95" customHeight="1" x14ac:dyDescent="0.15"/>
    <row r="26" spans="1:10" ht="24.95" customHeight="1" x14ac:dyDescent="0.15"/>
    <row r="27" spans="1:10" ht="24.95" customHeight="1" x14ac:dyDescent="0.15"/>
    <row r="28" spans="1:10" ht="24.95" customHeight="1" x14ac:dyDescent="0.15"/>
    <row r="29" spans="1:10" ht="24.95" customHeight="1" x14ac:dyDescent="0.15"/>
    <row r="30" spans="1:10" ht="24.95" customHeight="1" x14ac:dyDescent="0.15"/>
    <row r="31" spans="1:10" ht="30" customHeight="1" x14ac:dyDescent="0.15"/>
  </sheetData>
  <mergeCells count="11">
    <mergeCell ref="E16:H16"/>
    <mergeCell ref="A11:D11"/>
    <mergeCell ref="E11:H11"/>
    <mergeCell ref="A12:D12"/>
    <mergeCell ref="A13:D13"/>
    <mergeCell ref="A14:D14"/>
    <mergeCell ref="A15:D15"/>
    <mergeCell ref="E12:H12"/>
    <mergeCell ref="E13:H13"/>
    <mergeCell ref="E14:H14"/>
    <mergeCell ref="E15:H15"/>
  </mergeCells>
  <phoneticPr fontId="8"/>
  <printOptions horizontalCentered="1"/>
  <pageMargins left="0.70866141732283472" right="0.70866141732283472" top="0.74803149606299213" bottom="0.74803149606299213" header="0.31496062992125984" footer="0.31496062992125984"/>
  <pageSetup paperSize="9" scale="10" orientation="landscape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K32"/>
  <sheetViews>
    <sheetView view="pageBreakPreview" zoomScale="60" zoomScaleNormal="80" workbookViewId="0">
      <selection activeCell="C1" sqref="C1"/>
    </sheetView>
  </sheetViews>
  <sheetFormatPr defaultColWidth="12" defaultRowHeight="17.25" x14ac:dyDescent="0.15"/>
  <cols>
    <col min="1" max="11" width="14.625" style="1" customWidth="1"/>
    <col min="12" max="12" width="6.125" style="1" customWidth="1"/>
    <col min="13" max="16384" width="12" style="1"/>
  </cols>
  <sheetData>
    <row r="1" spans="1:11" ht="45" customHeight="1" x14ac:dyDescent="0.15">
      <c r="A1" s="66" t="s">
        <v>121</v>
      </c>
    </row>
    <row r="2" spans="1:11" ht="24.95" customHeight="1" thickBot="1" x14ac:dyDescent="0.2"/>
    <row r="3" spans="1:11" ht="69.95" customHeight="1" thickBot="1" x14ac:dyDescent="0.2">
      <c r="A3" s="242"/>
      <c r="B3" s="242"/>
      <c r="C3" s="243" t="s">
        <v>85</v>
      </c>
      <c r="D3" s="244" t="s">
        <v>175</v>
      </c>
      <c r="E3" s="67" t="s">
        <v>86</v>
      </c>
      <c r="F3" s="67" t="s">
        <v>87</v>
      </c>
      <c r="G3" s="244" t="s">
        <v>176</v>
      </c>
      <c r="H3" s="244" t="s">
        <v>177</v>
      </c>
      <c r="I3" s="244" t="s">
        <v>178</v>
      </c>
      <c r="J3" s="245" t="s">
        <v>179</v>
      </c>
      <c r="K3" s="183" t="s">
        <v>2</v>
      </c>
    </row>
    <row r="4" spans="1:11" ht="45" customHeight="1" x14ac:dyDescent="0.15">
      <c r="A4" s="182" t="s">
        <v>49</v>
      </c>
      <c r="B4" s="246" t="s">
        <v>196</v>
      </c>
      <c r="C4" s="255">
        <v>14</v>
      </c>
      <c r="D4" s="247">
        <v>4</v>
      </c>
      <c r="E4" s="247">
        <v>43</v>
      </c>
      <c r="F4" s="247">
        <v>11</v>
      </c>
      <c r="G4" s="247">
        <v>99</v>
      </c>
      <c r="H4" s="247">
        <v>10</v>
      </c>
      <c r="I4" s="247">
        <v>2</v>
      </c>
      <c r="J4" s="248">
        <v>145</v>
      </c>
      <c r="K4" s="249">
        <v>328</v>
      </c>
    </row>
    <row r="5" spans="1:11" ht="45" customHeight="1" thickBot="1" x14ac:dyDescent="0.2">
      <c r="A5" s="184" t="s">
        <v>194</v>
      </c>
      <c r="B5" s="241" t="s">
        <v>193</v>
      </c>
      <c r="C5" s="256">
        <v>4.2682926829268296E-2</v>
      </c>
      <c r="D5" s="254">
        <v>1.2195121951219513E-2</v>
      </c>
      <c r="E5" s="254">
        <v>0.13109756097560976</v>
      </c>
      <c r="F5" s="254">
        <v>3.3536585365853661E-2</v>
      </c>
      <c r="G5" s="254">
        <v>0.30182926829268292</v>
      </c>
      <c r="H5" s="254">
        <v>3.048780487804878E-2</v>
      </c>
      <c r="I5" s="254">
        <v>6.0975609756097563E-3</v>
      </c>
      <c r="J5" s="257">
        <v>0.44207317073170732</v>
      </c>
      <c r="K5" s="258">
        <v>1</v>
      </c>
    </row>
    <row r="6" spans="1:11" ht="45" customHeight="1" x14ac:dyDescent="0.15">
      <c r="A6" s="182" t="s">
        <v>50</v>
      </c>
      <c r="B6" s="250" t="s">
        <v>196</v>
      </c>
      <c r="C6" s="251">
        <v>14</v>
      </c>
      <c r="D6" s="251">
        <v>10</v>
      </c>
      <c r="E6" s="251">
        <v>57</v>
      </c>
      <c r="F6" s="251">
        <v>16</v>
      </c>
      <c r="G6" s="251">
        <v>96</v>
      </c>
      <c r="H6" s="251">
        <v>7</v>
      </c>
      <c r="I6" s="251">
        <v>3</v>
      </c>
      <c r="J6" s="252">
        <v>223</v>
      </c>
      <c r="K6" s="253">
        <v>426</v>
      </c>
    </row>
    <row r="7" spans="1:11" ht="45" customHeight="1" thickBot="1" x14ac:dyDescent="0.2">
      <c r="A7" s="184" t="s">
        <v>195</v>
      </c>
      <c r="B7" s="241" t="s">
        <v>193</v>
      </c>
      <c r="C7" s="254">
        <v>3.2863849765258218E-2</v>
      </c>
      <c r="D7" s="254">
        <v>2.3474178403755867E-2</v>
      </c>
      <c r="E7" s="254">
        <v>0.13380281690140844</v>
      </c>
      <c r="F7" s="254">
        <v>3.7558685446009391E-2</v>
      </c>
      <c r="G7" s="254">
        <v>0.22535211267605634</v>
      </c>
      <c r="H7" s="254">
        <v>1.6431924882629109E-2</v>
      </c>
      <c r="I7" s="254">
        <v>7.0422535211267607E-3</v>
      </c>
      <c r="J7" s="257">
        <v>0.52347417840375587</v>
      </c>
      <c r="K7" s="258">
        <v>1</v>
      </c>
    </row>
    <row r="8" spans="1:11" ht="45" customHeight="1" x14ac:dyDescent="0.15"/>
    <row r="9" spans="1:11" ht="30" customHeight="1" x14ac:dyDescent="0.15"/>
    <row r="10" spans="1:11" ht="30" customHeight="1" x14ac:dyDescent="0.15"/>
    <row r="11" spans="1:11" ht="30" customHeight="1" x14ac:dyDescent="0.15"/>
    <row r="12" spans="1:11" ht="30" customHeight="1" x14ac:dyDescent="0.15"/>
    <row r="13" spans="1:11" ht="30" customHeight="1" x14ac:dyDescent="0.15"/>
    <row r="14" spans="1:11" ht="30" customHeight="1" x14ac:dyDescent="0.15"/>
    <row r="15" spans="1:11" ht="30" customHeight="1" x14ac:dyDescent="0.15"/>
    <row r="16" spans="1:11" ht="30" customHeight="1" x14ac:dyDescent="0.15"/>
    <row r="17" ht="30" customHeight="1" x14ac:dyDescent="0.15"/>
    <row r="18" ht="30" customHeight="1" x14ac:dyDescent="0.15"/>
    <row r="19" ht="30" customHeight="1" x14ac:dyDescent="0.15"/>
    <row r="20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24.95" customHeight="1" x14ac:dyDescent="0.15"/>
  </sheetData>
  <phoneticPr fontId="8"/>
  <printOptions horizontalCentered="1"/>
  <pageMargins left="0.25" right="0.25" top="0.75" bottom="0.75" header="0.3" footer="0.3"/>
  <pageSetup paperSize="9" scale="10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G29"/>
  <sheetViews>
    <sheetView view="pageBreakPreview" zoomScale="60" zoomScaleNormal="100" workbookViewId="0">
      <selection activeCell="D1" sqref="D1"/>
    </sheetView>
  </sheetViews>
  <sheetFormatPr defaultRowHeight="17.25" x14ac:dyDescent="0.15"/>
  <cols>
    <col min="1" max="1" width="7.375" style="268" customWidth="1"/>
    <col min="2" max="2" width="37.625" style="268" customWidth="1"/>
    <col min="3" max="4" width="14.625" style="268" customWidth="1"/>
    <col min="5" max="5" width="15.375" style="268" customWidth="1"/>
    <col min="6" max="9" width="14.625" style="268" customWidth="1"/>
    <col min="10" max="10" width="10.625" style="268" customWidth="1"/>
    <col min="11" max="16384" width="9" style="268"/>
  </cols>
  <sheetData>
    <row r="1" spans="1:7" ht="30" customHeight="1" x14ac:dyDescent="0.15">
      <c r="A1" s="267" t="s">
        <v>122</v>
      </c>
      <c r="C1" s="269" t="s">
        <v>115</v>
      </c>
    </row>
    <row r="2" spans="1:7" ht="30" customHeight="1" x14ac:dyDescent="0.15">
      <c r="A2" s="386" t="s">
        <v>203</v>
      </c>
      <c r="B2" s="386"/>
      <c r="C2" s="386"/>
      <c r="D2" s="386"/>
      <c r="E2" s="268" t="s">
        <v>204</v>
      </c>
    </row>
    <row r="3" spans="1:7" s="270" customFormat="1" ht="30" customHeight="1" x14ac:dyDescent="0.15">
      <c r="B3" s="271" t="s">
        <v>88</v>
      </c>
      <c r="C3" s="271" t="s">
        <v>198</v>
      </c>
      <c r="D3" s="271" t="s">
        <v>89</v>
      </c>
      <c r="E3" s="272" t="s">
        <v>205</v>
      </c>
    </row>
    <row r="4" spans="1:7" ht="30" customHeight="1" x14ac:dyDescent="0.15">
      <c r="B4" s="273" t="s">
        <v>90</v>
      </c>
      <c r="C4" s="273">
        <v>53</v>
      </c>
      <c r="D4" s="274">
        <v>0.4732142857142857</v>
      </c>
      <c r="E4" s="275">
        <v>123</v>
      </c>
    </row>
    <row r="5" spans="1:7" ht="30" customHeight="1" x14ac:dyDescent="0.15">
      <c r="B5" s="289" t="s">
        <v>91</v>
      </c>
      <c r="C5" s="289">
        <v>32</v>
      </c>
      <c r="D5" s="290">
        <v>0.2857142857142857</v>
      </c>
      <c r="E5" s="387">
        <v>26</v>
      </c>
    </row>
    <row r="6" spans="1:7" ht="30" customHeight="1" x14ac:dyDescent="0.15">
      <c r="B6" s="276" t="s">
        <v>206</v>
      </c>
      <c r="C6" s="276">
        <v>28</v>
      </c>
      <c r="D6" s="277">
        <v>0.25</v>
      </c>
      <c r="E6" s="388"/>
    </row>
    <row r="7" spans="1:7" ht="30" customHeight="1" x14ac:dyDescent="0.15">
      <c r="B7" s="278" t="s">
        <v>207</v>
      </c>
      <c r="C7" s="278">
        <v>10</v>
      </c>
      <c r="D7" s="279">
        <v>8.9285714285714288E-2</v>
      </c>
      <c r="E7" s="389"/>
    </row>
    <row r="8" spans="1:7" ht="30" customHeight="1" x14ac:dyDescent="0.15">
      <c r="B8" s="278" t="s">
        <v>108</v>
      </c>
      <c r="C8" s="273">
        <v>61</v>
      </c>
      <c r="D8" s="274">
        <v>0.5446428571428571</v>
      </c>
      <c r="E8" s="278">
        <v>113</v>
      </c>
    </row>
    <row r="9" spans="1:7" ht="30" customHeight="1" x14ac:dyDescent="0.15">
      <c r="B9" s="273" t="s">
        <v>92</v>
      </c>
      <c r="C9" s="273">
        <v>23</v>
      </c>
      <c r="D9" s="274">
        <v>0.20535714285714285</v>
      </c>
      <c r="E9" s="271" t="s">
        <v>208</v>
      </c>
    </row>
    <row r="10" spans="1:7" ht="30" customHeight="1" x14ac:dyDescent="0.15">
      <c r="B10" s="273" t="s">
        <v>93</v>
      </c>
      <c r="C10" s="273">
        <v>5</v>
      </c>
      <c r="D10" s="274">
        <v>4.4642857142857144E-2</v>
      </c>
      <c r="E10" s="271" t="s">
        <v>209</v>
      </c>
    </row>
    <row r="11" spans="1:7" ht="30" customHeight="1" x14ac:dyDescent="0.15"/>
    <row r="12" spans="1:7" ht="30" customHeight="1" x14ac:dyDescent="0.15">
      <c r="A12" s="386" t="s">
        <v>210</v>
      </c>
      <c r="B12" s="386"/>
      <c r="C12" s="280" t="s">
        <v>211</v>
      </c>
      <c r="D12" s="281">
        <v>61</v>
      </c>
    </row>
    <row r="13" spans="1:7" s="270" customFormat="1" ht="30" customHeight="1" x14ac:dyDescent="0.15">
      <c r="B13" s="271" t="s">
        <v>88</v>
      </c>
      <c r="C13" s="271" t="s">
        <v>76</v>
      </c>
      <c r="G13" s="281"/>
    </row>
    <row r="14" spans="1:7" ht="30" customHeight="1" x14ac:dyDescent="0.15">
      <c r="B14" s="273" t="s">
        <v>94</v>
      </c>
      <c r="C14" s="273">
        <v>29</v>
      </c>
    </row>
    <row r="15" spans="1:7" ht="30" customHeight="1" x14ac:dyDescent="0.15">
      <c r="B15" s="273" t="s">
        <v>95</v>
      </c>
      <c r="C15" s="273">
        <v>26</v>
      </c>
    </row>
    <row r="16" spans="1:7" ht="30" customHeight="1" x14ac:dyDescent="0.15">
      <c r="B16" s="273" t="s">
        <v>96</v>
      </c>
      <c r="C16" s="273">
        <v>35</v>
      </c>
    </row>
    <row r="17" spans="1:5" ht="30" customHeight="1" x14ac:dyDescent="0.15">
      <c r="B17" s="273" t="s">
        <v>97</v>
      </c>
      <c r="C17" s="273">
        <v>3</v>
      </c>
    </row>
    <row r="18" spans="1:5" ht="30" customHeight="1" x14ac:dyDescent="0.15">
      <c r="B18" s="273" t="s">
        <v>98</v>
      </c>
      <c r="C18" s="273">
        <v>13</v>
      </c>
    </row>
    <row r="19" spans="1:5" ht="66" customHeight="1" x14ac:dyDescent="0.15"/>
    <row r="20" spans="1:5" s="69" customFormat="1" ht="30" customHeight="1" x14ac:dyDescent="0.15">
      <c r="A20" s="69" t="s">
        <v>212</v>
      </c>
      <c r="C20" s="69" t="s">
        <v>213</v>
      </c>
    </row>
    <row r="21" spans="1:5" ht="24.95" customHeight="1" x14ac:dyDescent="0.15">
      <c r="B21" s="273" t="s">
        <v>4</v>
      </c>
      <c r="E21" s="69"/>
    </row>
    <row r="22" spans="1:5" ht="24.95" customHeight="1" x14ac:dyDescent="0.15">
      <c r="B22" s="273" t="s">
        <v>9</v>
      </c>
      <c r="E22" s="69"/>
    </row>
    <row r="23" spans="1:5" ht="24.95" customHeight="1" x14ac:dyDescent="0.15">
      <c r="B23" s="282" t="s">
        <v>131</v>
      </c>
      <c r="C23" s="69"/>
      <c r="D23" s="69"/>
      <c r="E23" s="69"/>
    </row>
    <row r="24" spans="1:5" ht="24.95" customHeight="1" x14ac:dyDescent="0.15">
      <c r="B24" s="282" t="s">
        <v>135</v>
      </c>
      <c r="C24" s="69"/>
      <c r="D24" s="69"/>
      <c r="E24" s="69"/>
    </row>
    <row r="25" spans="1:5" ht="24.95" customHeight="1" x14ac:dyDescent="0.15">
      <c r="B25"/>
      <c r="C25"/>
      <c r="D25"/>
      <c r="E25"/>
    </row>
    <row r="26" spans="1:5" ht="24.95" customHeight="1" x14ac:dyDescent="0.15">
      <c r="C26"/>
      <c r="D26"/>
      <c r="E26"/>
    </row>
    <row r="27" spans="1:5" x14ac:dyDescent="0.15">
      <c r="C27" s="283"/>
      <c r="D27" s="283"/>
      <c r="E27" s="283"/>
    </row>
    <row r="28" spans="1:5" x14ac:dyDescent="0.15">
      <c r="C28" s="283"/>
      <c r="D28" s="283"/>
      <c r="E28" s="283"/>
    </row>
    <row r="29" spans="1:5" x14ac:dyDescent="0.15">
      <c r="C29" s="283"/>
      <c r="D29" s="283"/>
      <c r="E29" s="283"/>
    </row>
  </sheetData>
  <mergeCells count="3">
    <mergeCell ref="A2:D2"/>
    <mergeCell ref="E5:E7"/>
    <mergeCell ref="A12:B12"/>
  </mergeCells>
  <phoneticPr fontId="8"/>
  <printOptions horizontalCentered="1"/>
  <pageMargins left="0.70866141732283472" right="0.70866141732283472" top="0.55118110236220474" bottom="0.55118110236220474" header="0.31496062992125984" footer="0.31496062992125984"/>
  <pageSetup paperSize="9" scale="10" orientation="portrait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  <pageSetUpPr fitToPage="1"/>
  </sheetPr>
  <dimension ref="A1:C17"/>
  <sheetViews>
    <sheetView view="pageBreakPreview" zoomScale="60" zoomScaleNormal="100" workbookViewId="0">
      <selection activeCell="D9" sqref="D9"/>
    </sheetView>
  </sheetViews>
  <sheetFormatPr defaultRowHeight="17.25" x14ac:dyDescent="0.15"/>
  <cols>
    <col min="1" max="1" width="44.75" style="260" bestFit="1" customWidth="1"/>
    <col min="2" max="2" width="14.625" style="260" customWidth="1"/>
    <col min="3" max="3" width="9" style="260"/>
    <col min="4" max="4" width="18.125" style="260" customWidth="1"/>
    <col min="5" max="5" width="12.75" style="260" customWidth="1"/>
    <col min="6" max="16384" width="9" style="260"/>
  </cols>
  <sheetData>
    <row r="1" spans="1:3" ht="30" customHeight="1" x14ac:dyDescent="0.15">
      <c r="C1" s="260" t="s">
        <v>115</v>
      </c>
    </row>
    <row r="2" spans="1:3" ht="30" customHeight="1" x14ac:dyDescent="0.15">
      <c r="A2" s="260" t="s">
        <v>201</v>
      </c>
      <c r="B2" s="265"/>
    </row>
    <row r="3" spans="1:3" ht="30" customHeight="1" x14ac:dyDescent="0.15">
      <c r="A3" s="262" t="s">
        <v>99</v>
      </c>
      <c r="B3" s="262" t="s">
        <v>100</v>
      </c>
      <c r="C3" s="261"/>
    </row>
    <row r="4" spans="1:3" ht="30" customHeight="1" x14ac:dyDescent="0.15">
      <c r="A4" s="263" t="s">
        <v>101</v>
      </c>
      <c r="B4" s="263">
        <v>13</v>
      </c>
    </row>
    <row r="5" spans="1:3" ht="30" customHeight="1" x14ac:dyDescent="0.15">
      <c r="A5" s="263" t="s">
        <v>102</v>
      </c>
      <c r="B5" s="263">
        <v>20</v>
      </c>
    </row>
    <row r="6" spans="1:3" ht="30" customHeight="1" x14ac:dyDescent="0.15">
      <c r="A6" s="263" t="s">
        <v>103</v>
      </c>
      <c r="B6" s="263">
        <v>6</v>
      </c>
    </row>
    <row r="7" spans="1:3" ht="30" customHeight="1" x14ac:dyDescent="0.15">
      <c r="A7" s="263" t="s">
        <v>104</v>
      </c>
      <c r="B7" s="263">
        <v>1</v>
      </c>
    </row>
    <row r="8" spans="1:3" ht="30" customHeight="1" x14ac:dyDescent="0.15">
      <c r="A8" s="263" t="s">
        <v>105</v>
      </c>
      <c r="B8" s="263">
        <v>18</v>
      </c>
    </row>
    <row r="9" spans="1:3" ht="30" customHeight="1" x14ac:dyDescent="0.15">
      <c r="A9" s="263" t="s">
        <v>106</v>
      </c>
      <c r="B9" s="263">
        <v>32</v>
      </c>
    </row>
    <row r="10" spans="1:3" ht="30" customHeight="1" x14ac:dyDescent="0.15">
      <c r="A10" s="263" t="s">
        <v>107</v>
      </c>
      <c r="B10" s="263">
        <v>13</v>
      </c>
    </row>
    <row r="11" spans="1:3" ht="59.25" customHeight="1" x14ac:dyDescent="0.15"/>
    <row r="12" spans="1:3" ht="30" customHeight="1" x14ac:dyDescent="0.15">
      <c r="A12" s="264" t="s">
        <v>199</v>
      </c>
      <c r="B12" s="260" t="s">
        <v>200</v>
      </c>
    </row>
    <row r="13" spans="1:3" ht="30" customHeight="1" x14ac:dyDescent="0.15">
      <c r="A13" s="390" t="s">
        <v>8</v>
      </c>
      <c r="B13" s="390"/>
    </row>
    <row r="14" spans="1:3" ht="30" customHeight="1" x14ac:dyDescent="0.15">
      <c r="A14" s="390" t="s">
        <v>132</v>
      </c>
      <c r="B14" s="390"/>
    </row>
    <row r="15" spans="1:3" ht="30" customHeight="1" x14ac:dyDescent="0.15">
      <c r="A15" s="390" t="s">
        <v>133</v>
      </c>
      <c r="B15" s="390"/>
    </row>
    <row r="16" spans="1:3" ht="30" customHeight="1" x14ac:dyDescent="0.15">
      <c r="A16" s="390" t="s">
        <v>7</v>
      </c>
      <c r="B16" s="390"/>
    </row>
    <row r="17" spans="1:2" ht="30" customHeight="1" x14ac:dyDescent="0.15">
      <c r="A17" s="390" t="s">
        <v>134</v>
      </c>
      <c r="B17" s="390"/>
    </row>
  </sheetData>
  <mergeCells count="5">
    <mergeCell ref="A13:B13"/>
    <mergeCell ref="A14:B14"/>
    <mergeCell ref="A15:B15"/>
    <mergeCell ref="A16:B16"/>
    <mergeCell ref="A17:B17"/>
  </mergeCells>
  <phoneticPr fontId="8"/>
  <printOptions horizontalCentered="1"/>
  <pageMargins left="1" right="1" top="1" bottom="1" header="0.5" footer="0.5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4</vt:i4>
      </vt:variant>
    </vt:vector>
  </HeadingPairs>
  <TitlesOfParts>
    <vt:vector size="15" baseType="lpstr">
      <vt:lpstr>主な勤務体制 (グラフ）</vt:lpstr>
      <vt:lpstr>1.看護職員離職率（病床数別・職種別・二次医療圏別）</vt:lpstr>
      <vt:lpstr>２.平成29年度採用状況（病床数別・職種別）  </vt:lpstr>
      <vt:lpstr>２－（３）平成29年度採用者の未就業期間</vt:lpstr>
      <vt:lpstr>３.H30年度採用状況  </vt:lpstr>
      <vt:lpstr>４.新卒者に必要と考える項目</vt:lpstr>
      <vt:lpstr>５.退職理由</vt:lpstr>
      <vt:lpstr>6.職員確保の方法（老健） </vt:lpstr>
      <vt:lpstr>6-(3)ナースセンター (老健) </vt:lpstr>
      <vt:lpstr>6.職員確保の方法 (特養） </vt:lpstr>
      <vt:lpstr>6-(3)ナースセンター（特養） </vt:lpstr>
      <vt:lpstr>'３.H30年度採用状況  '!Print_Area</vt:lpstr>
      <vt:lpstr>'6-(3)ナースセンター (老健) '!Print_Area</vt:lpstr>
      <vt:lpstr>'6-(3)ナースセンター（特養） '!Print_Area</vt:lpstr>
      <vt:lpstr>'主な勤務体制 (グラフ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9-01-17T01:22:48Z</cp:lastPrinted>
  <dcterms:created xsi:type="dcterms:W3CDTF">2018-10-30T05:25:33Z</dcterms:created>
  <dcterms:modified xsi:type="dcterms:W3CDTF">2019-01-17T01:22:58Z</dcterms:modified>
</cp:coreProperties>
</file>